
<file path=[Content_Types].xml><?xml version="1.0" encoding="utf-8"?>
<Types xmlns="http://schemas.openxmlformats.org/package/2006/content-types">
  <Default Extension="bin" ContentType="application/vnd.openxmlformats-officedocument.oleObject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harts/chartEx1.xml" ContentType="application/vnd.ms-office.chartex+xml"/>
  <Override PartName="/ppt/charts/style1.xml" ContentType="application/vnd.ms-office.chartstyle+xml"/>
  <Override PartName="/ppt/charts/colors1.xml" ContentType="application/vnd.ms-office.chartcolorstyle+xml"/>
  <Override PartName="/ppt/charts/chartEx2.xml" ContentType="application/vnd.ms-office.chartex+xml"/>
  <Override PartName="/ppt/charts/style2.xml" ContentType="application/vnd.ms-office.chartstyle+xml"/>
  <Override PartName="/ppt/charts/colors2.xml" ContentType="application/vnd.ms-office.chartcolorstyle+xml"/>
  <Override PartName="/ppt/theme/themeOverride1.xml" ContentType="application/vnd.openxmlformats-officedocument.themeOverride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2.xml" ContentType="application/vnd.openxmlformats-officedocument.themeOverride+xml"/>
  <Override PartName="/ppt/charts/chart2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heme/themeOverride3.xml" ContentType="application/vnd.openxmlformats-officedocument.themeOverride+xml"/>
  <Override PartName="/ppt/charts/chart3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theme/themeOverride4.xml" ContentType="application/vnd.openxmlformats-officedocument.themeOverride+xml"/>
  <Override PartName="/ppt/charts/chart4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theme/themeOverride5.xml" ContentType="application/vnd.openxmlformats-officedocument.themeOverride+xml"/>
  <Override PartName="/ppt/charts/chart5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theme/themeOverride6.xml" ContentType="application/vnd.openxmlformats-officedocument.themeOverride+xml"/>
  <Override PartName="/ppt/notesSlides/notesSlide6.xml" ContentType="application/vnd.openxmlformats-officedocument.presentationml.notesSlide+xml"/>
  <Override PartName="/ppt/charts/chart6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theme/themeOverride7.xml" ContentType="application/vnd.openxmlformats-officedocument.themeOverride+xml"/>
  <Override PartName="/ppt/charts/chart7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theme/themeOverride8.xml" ContentType="application/vnd.openxmlformats-officedocument.themeOverride+xml"/>
  <Override PartName="/ppt/charts/chart8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theme/themeOverride9.xml" ContentType="application/vnd.openxmlformats-officedocument.themeOverride+xml"/>
  <Override PartName="/ppt/drawings/drawing1.xml" ContentType="application/vnd.openxmlformats-officedocument.drawingml.chartshapes+xml"/>
  <Override PartName="/ppt/notesSlides/notesSlide7.xml" ContentType="application/vnd.openxmlformats-officedocument.presentationml.notesSlide+xml"/>
  <Override PartName="/ppt/charts/chart9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theme/themeOverride10.xml" ContentType="application/vnd.openxmlformats-officedocument.themeOverride+xml"/>
  <Override PartName="/ppt/drawings/drawing2.xml" ContentType="application/vnd.openxmlformats-officedocument.drawingml.chartshapes+xml"/>
  <Override PartName="/ppt/notesSlides/notesSlide8.xml" ContentType="application/vnd.openxmlformats-officedocument.presentationml.notesSlide+xml"/>
  <Override PartName="/ppt/charts/chart10.xml" ContentType="application/vnd.openxmlformats-officedocument.drawingml.chart+xml"/>
  <Override PartName="/ppt/charts/style12.xml" ContentType="application/vnd.ms-office.chartstyle+xml"/>
  <Override PartName="/ppt/charts/colors12.xml" ContentType="application/vnd.ms-office.chartcolorstyle+xml"/>
  <Override PartName="/ppt/theme/themeOverride11.xml" ContentType="application/vnd.openxmlformats-officedocument.themeOverride+xml"/>
  <Override PartName="/ppt/charts/chart11.xml" ContentType="application/vnd.openxmlformats-officedocument.drawingml.chart+xml"/>
  <Override PartName="/ppt/charts/style13.xml" ContentType="application/vnd.ms-office.chartstyle+xml"/>
  <Override PartName="/ppt/charts/colors13.xml" ContentType="application/vnd.ms-office.chartcolorstyle+xml"/>
  <Override PartName="/ppt/theme/themeOverride12.xml" ContentType="application/vnd.openxmlformats-officedocument.themeOverr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2.xml" ContentType="application/vnd.openxmlformats-officedocument.presentationml.tags+xml"/>
  <Override PartName="/ppt/notesSlides/notesSlide14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bookmarkIdSeed="2">
  <p:sldMasterIdLst>
    <p:sldMasterId id="2147483648" r:id="rId8"/>
    <p:sldMasterId id="2147483767" r:id="rId9"/>
    <p:sldMasterId id="2147483706" r:id="rId10"/>
  </p:sldMasterIdLst>
  <p:notesMasterIdLst>
    <p:notesMasterId r:id="rId27"/>
  </p:notesMasterIdLst>
  <p:handoutMasterIdLst>
    <p:handoutMasterId r:id="rId28"/>
  </p:handoutMasterIdLst>
  <p:sldIdLst>
    <p:sldId id="2147376655" r:id="rId11"/>
    <p:sldId id="307" r:id="rId12"/>
    <p:sldId id="318" r:id="rId13"/>
    <p:sldId id="2147376648" r:id="rId14"/>
    <p:sldId id="2147376649" r:id="rId15"/>
    <p:sldId id="2147376630" r:id="rId16"/>
    <p:sldId id="2147376645" r:id="rId17"/>
    <p:sldId id="2147376634" r:id="rId18"/>
    <p:sldId id="312" r:id="rId19"/>
    <p:sldId id="2147376653" r:id="rId20"/>
    <p:sldId id="2147376652" r:id="rId21"/>
    <p:sldId id="2147376654" r:id="rId22"/>
    <p:sldId id="2147376644" r:id="rId23"/>
    <p:sldId id="2147376646" r:id="rId24"/>
    <p:sldId id="271" r:id="rId25"/>
    <p:sldId id="2147376647" r:id="rId26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C7C49938-EFB4-809B-F3FB-62EDA38FE567}" name="Shraddha Mehta" initials="SM" userId="S::shraddha.mehta@sintef.no::23637589-c6aa-4adb-ae04-fcc19d67fc47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BEF"/>
    <a:srgbClr val="FFFFFF"/>
    <a:srgbClr val="14B978"/>
    <a:srgbClr val="CDFAE1"/>
    <a:srgbClr val="EFCC61"/>
    <a:srgbClr val="DB8784"/>
    <a:srgbClr val="EAD7A0"/>
    <a:srgbClr val="DE9D9B"/>
    <a:srgbClr val="BB7FA8"/>
    <a:srgbClr val="003C6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1477D0E-8F2A-48E6-8F44-041E754828A5}" v="1" dt="2024-12-08T21:41:16.484"/>
    <p1510:client id="{B6B7DA97-155F-47E2-A286-D3E72BFAEA6E}" v="214" dt="2024-12-09T07:55:05.693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>
        <p:guide orient="horz" pos="2160"/>
        <p:guide pos="3840"/>
      </p:guideLst>
    </p:cSldViewPr>
  </p:slide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3.xml"/><Relationship Id="rId18" Type="http://schemas.openxmlformats.org/officeDocument/2006/relationships/slide" Target="slides/slide8.xml"/><Relationship Id="rId26" Type="http://schemas.openxmlformats.org/officeDocument/2006/relationships/slide" Target="slides/slide16.xml"/><Relationship Id="rId3" Type="http://schemas.openxmlformats.org/officeDocument/2006/relationships/customXml" Target="../customXml/item3.xml"/><Relationship Id="rId21" Type="http://schemas.openxmlformats.org/officeDocument/2006/relationships/slide" Target="slides/slide11.xml"/><Relationship Id="rId34" Type="http://schemas.microsoft.com/office/2015/10/relationships/revisionInfo" Target="revisionInfo.xml"/><Relationship Id="rId7" Type="http://schemas.openxmlformats.org/officeDocument/2006/relationships/customXml" Target="../customXml/item7.xml"/><Relationship Id="rId12" Type="http://schemas.openxmlformats.org/officeDocument/2006/relationships/slide" Target="slides/slide2.xml"/><Relationship Id="rId17" Type="http://schemas.openxmlformats.org/officeDocument/2006/relationships/slide" Target="slides/slide7.xml"/><Relationship Id="rId25" Type="http://schemas.openxmlformats.org/officeDocument/2006/relationships/slide" Target="slides/slide15.xml"/><Relationship Id="rId33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6.xml"/><Relationship Id="rId20" Type="http://schemas.openxmlformats.org/officeDocument/2006/relationships/slide" Target="slides/slide10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1.xml"/><Relationship Id="rId24" Type="http://schemas.openxmlformats.org/officeDocument/2006/relationships/slide" Target="slides/slide14.xml"/><Relationship Id="rId32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5.xml"/><Relationship Id="rId23" Type="http://schemas.openxmlformats.org/officeDocument/2006/relationships/slide" Target="slides/slide13.xml"/><Relationship Id="rId28" Type="http://schemas.openxmlformats.org/officeDocument/2006/relationships/handoutMaster" Target="handoutMasters/handoutMaster1.xml"/><Relationship Id="rId10" Type="http://schemas.openxmlformats.org/officeDocument/2006/relationships/slideMaster" Target="slideMasters/slideMaster3.xml"/><Relationship Id="rId19" Type="http://schemas.openxmlformats.org/officeDocument/2006/relationships/slide" Target="slides/slide9.xml"/><Relationship Id="rId31" Type="http://schemas.openxmlformats.org/officeDocument/2006/relationships/theme" Target="theme/theme1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2.xml"/><Relationship Id="rId14" Type="http://schemas.openxmlformats.org/officeDocument/2006/relationships/slide" Target="slides/slide4.xml"/><Relationship Id="rId22" Type="http://schemas.openxmlformats.org/officeDocument/2006/relationships/slide" Target="slides/slide12.xml"/><Relationship Id="rId27" Type="http://schemas.openxmlformats.org/officeDocument/2006/relationships/notesMaster" Target="notesMasters/notesMaster1.xml"/><Relationship Id="rId30" Type="http://schemas.openxmlformats.org/officeDocument/2006/relationships/viewProps" Target="viewProps.xml"/><Relationship Id="rId35" Type="http://schemas.microsoft.com/office/2018/10/relationships/authors" Target="authors.xml"/><Relationship Id="rId8" Type="http://schemas.openxmlformats.org/officeDocument/2006/relationships/slideMaster" Target="slideMasters/slideMaster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Elisabeth Maria Fugger" userId="4743bbec-f18f-4726-9264-59ccc5b972f4" providerId="ADAL" clId="{B6B7DA97-155F-47E2-A286-D3E72BFAEA6E}"/>
    <pc:docChg chg="undo custSel addSld delSld modSld sldOrd">
      <pc:chgData name="Elisabeth Maria Fugger" userId="4743bbec-f18f-4726-9264-59ccc5b972f4" providerId="ADAL" clId="{B6B7DA97-155F-47E2-A286-D3E72BFAEA6E}" dt="2024-12-09T07:55:05.693" v="2258" actId="20577"/>
      <pc:docMkLst>
        <pc:docMk/>
      </pc:docMkLst>
      <pc:sldChg chg="modSp mod">
        <pc:chgData name="Elisabeth Maria Fugger" userId="4743bbec-f18f-4726-9264-59ccc5b972f4" providerId="ADAL" clId="{B6B7DA97-155F-47E2-A286-D3E72BFAEA6E}" dt="2024-12-02T09:50:19.834" v="5" actId="20577"/>
        <pc:sldMkLst>
          <pc:docMk/>
          <pc:sldMk cId="109857222" sldId="256"/>
        </pc:sldMkLst>
        <pc:spChg chg="mod">
          <ac:chgData name="Elisabeth Maria Fugger" userId="4743bbec-f18f-4726-9264-59ccc5b972f4" providerId="ADAL" clId="{B6B7DA97-155F-47E2-A286-D3E72BFAEA6E}" dt="2024-12-02T09:50:19.834" v="5" actId="20577"/>
          <ac:spMkLst>
            <pc:docMk/>
            <pc:sldMk cId="109857222" sldId="256"/>
            <ac:spMk id="3" creationId="{00000000-0000-0000-0000-000000000000}"/>
          </ac:spMkLst>
        </pc:spChg>
      </pc:sldChg>
      <pc:sldChg chg="addSp modSp del mod">
        <pc:chgData name="Elisabeth Maria Fugger" userId="4743bbec-f18f-4726-9264-59ccc5b972f4" providerId="ADAL" clId="{B6B7DA97-155F-47E2-A286-D3E72BFAEA6E}" dt="2024-12-02T11:25:58.148" v="136" actId="47"/>
        <pc:sldMkLst>
          <pc:docMk/>
          <pc:sldMk cId="2943154593" sldId="292"/>
        </pc:sldMkLst>
        <pc:cxnChg chg="add mod">
          <ac:chgData name="Elisabeth Maria Fugger" userId="4743bbec-f18f-4726-9264-59ccc5b972f4" providerId="ADAL" clId="{B6B7DA97-155F-47E2-A286-D3E72BFAEA6E}" dt="2024-12-02T10:52:07.984" v="85" actId="1582"/>
          <ac:cxnSpMkLst>
            <pc:docMk/>
            <pc:sldMk cId="2943154593" sldId="292"/>
            <ac:cxnSpMk id="6" creationId="{91878D1F-342F-58F7-D4BD-638DDF285B6F}"/>
          </ac:cxnSpMkLst>
        </pc:cxnChg>
      </pc:sldChg>
      <pc:sldChg chg="addSp delSp modSp new del mod">
        <pc:chgData name="Elisabeth Maria Fugger" userId="4743bbec-f18f-4726-9264-59ccc5b972f4" providerId="ADAL" clId="{B6B7DA97-155F-47E2-A286-D3E72BFAEA6E}" dt="2024-12-02T11:25:03.011" v="134" actId="47"/>
        <pc:sldMkLst>
          <pc:docMk/>
          <pc:sldMk cId="2478944174" sldId="2147376650"/>
        </pc:sldMkLst>
        <pc:spChg chg="mod">
          <ac:chgData name="Elisabeth Maria Fugger" userId="4743bbec-f18f-4726-9264-59ccc5b972f4" providerId="ADAL" clId="{B6B7DA97-155F-47E2-A286-D3E72BFAEA6E}" dt="2024-12-02T10:51:46.567" v="82" actId="20577"/>
          <ac:spMkLst>
            <pc:docMk/>
            <pc:sldMk cId="2478944174" sldId="2147376650"/>
            <ac:spMk id="2" creationId="{5A8BC8D9-0145-D58A-163E-F9C6F72EAE65}"/>
          </ac:spMkLst>
        </pc:spChg>
        <pc:spChg chg="del">
          <ac:chgData name="Elisabeth Maria Fugger" userId="4743bbec-f18f-4726-9264-59ccc5b972f4" providerId="ADAL" clId="{B6B7DA97-155F-47E2-A286-D3E72BFAEA6E}" dt="2024-12-02T11:07:18.364" v="86" actId="478"/>
          <ac:spMkLst>
            <pc:docMk/>
            <pc:sldMk cId="2478944174" sldId="2147376650"/>
            <ac:spMk id="3" creationId="{A0BEE484-DDEE-7FC0-6D48-7CD526848973}"/>
          </ac:spMkLst>
        </pc:spChg>
        <pc:picChg chg="add del mod">
          <ac:chgData name="Elisabeth Maria Fugger" userId="4743bbec-f18f-4726-9264-59ccc5b972f4" providerId="ADAL" clId="{B6B7DA97-155F-47E2-A286-D3E72BFAEA6E}" dt="2024-12-02T11:22:17.325" v="106" actId="478"/>
          <ac:picMkLst>
            <pc:docMk/>
            <pc:sldMk cId="2478944174" sldId="2147376650"/>
            <ac:picMk id="5" creationId="{0C37757B-5384-8705-9985-3B2EC83517D1}"/>
          </ac:picMkLst>
        </pc:picChg>
        <pc:picChg chg="add mod">
          <ac:chgData name="Elisabeth Maria Fugger" userId="4743bbec-f18f-4726-9264-59ccc5b972f4" providerId="ADAL" clId="{B6B7DA97-155F-47E2-A286-D3E72BFAEA6E}" dt="2024-12-02T11:22:32.784" v="112" actId="1076"/>
          <ac:picMkLst>
            <pc:docMk/>
            <pc:sldMk cId="2478944174" sldId="2147376650"/>
            <ac:picMk id="7" creationId="{E7CFB45F-92EC-E442-4B0B-C1E3F2FC9B5E}"/>
          </ac:picMkLst>
        </pc:picChg>
      </pc:sldChg>
      <pc:sldChg chg="addSp delSp modSp new del mod setBg">
        <pc:chgData name="Elisabeth Maria Fugger" userId="4743bbec-f18f-4726-9264-59ccc5b972f4" providerId="ADAL" clId="{B6B7DA97-155F-47E2-A286-D3E72BFAEA6E}" dt="2024-12-02T11:22:52.428" v="113" actId="47"/>
        <pc:sldMkLst>
          <pc:docMk/>
          <pc:sldMk cId="115843989" sldId="2147376651"/>
        </pc:sldMkLst>
        <pc:spChg chg="mod">
          <ac:chgData name="Elisabeth Maria Fugger" userId="4743bbec-f18f-4726-9264-59ccc5b972f4" providerId="ADAL" clId="{B6B7DA97-155F-47E2-A286-D3E72BFAEA6E}" dt="2024-12-02T11:07:40.168" v="93"/>
          <ac:spMkLst>
            <pc:docMk/>
            <pc:sldMk cId="115843989" sldId="2147376651"/>
            <ac:spMk id="2" creationId="{7085C652-A809-3460-C6CD-7CA3722A3A1D}"/>
          </ac:spMkLst>
        </pc:spChg>
        <pc:spChg chg="del">
          <ac:chgData name="Elisabeth Maria Fugger" userId="4743bbec-f18f-4726-9264-59ccc5b972f4" providerId="ADAL" clId="{B6B7DA97-155F-47E2-A286-D3E72BFAEA6E}" dt="2024-12-02T11:08:35.138" v="94" actId="478"/>
          <ac:spMkLst>
            <pc:docMk/>
            <pc:sldMk cId="115843989" sldId="2147376651"/>
            <ac:spMk id="3" creationId="{AB2B5367-4226-434F-C84B-8C2E8AC2B6CC}"/>
          </ac:spMkLst>
        </pc:spChg>
        <pc:spChg chg="add del">
          <ac:chgData name="Elisabeth Maria Fugger" userId="4743bbec-f18f-4726-9264-59ccc5b972f4" providerId="ADAL" clId="{B6B7DA97-155F-47E2-A286-D3E72BFAEA6E}" dt="2024-12-02T11:12:23.852" v="96" actId="478"/>
          <ac:spMkLst>
            <pc:docMk/>
            <pc:sldMk cId="115843989" sldId="2147376651"/>
            <ac:spMk id="5" creationId="{74118A4D-5C04-162D-CF8C-5091381CC1E0}"/>
          </ac:spMkLst>
        </pc:spChg>
        <pc:picChg chg="add mod">
          <ac:chgData name="Elisabeth Maria Fugger" userId="4743bbec-f18f-4726-9264-59ccc5b972f4" providerId="ADAL" clId="{B6B7DA97-155F-47E2-A286-D3E72BFAEA6E}" dt="2024-12-02T11:14:00.811" v="105" actId="1076"/>
          <ac:picMkLst>
            <pc:docMk/>
            <pc:sldMk cId="115843989" sldId="2147376651"/>
            <ac:picMk id="7" creationId="{63E20586-2C5C-FB82-1F91-8592CA7E2DFC}"/>
          </ac:picMkLst>
        </pc:picChg>
      </pc:sldChg>
      <pc:sldChg chg="new del">
        <pc:chgData name="Elisabeth Maria Fugger" userId="4743bbec-f18f-4726-9264-59ccc5b972f4" providerId="ADAL" clId="{B6B7DA97-155F-47E2-A286-D3E72BFAEA6E}" dt="2024-12-02T11:22:59.145" v="117" actId="47"/>
        <pc:sldMkLst>
          <pc:docMk/>
          <pc:sldMk cId="3910159726" sldId="2147376651"/>
        </pc:sldMkLst>
      </pc:sldChg>
      <pc:sldChg chg="addSp delSp modSp add mod">
        <pc:chgData name="Elisabeth Maria Fugger" userId="4743bbec-f18f-4726-9264-59ccc5b972f4" providerId="ADAL" clId="{B6B7DA97-155F-47E2-A286-D3E72BFAEA6E}" dt="2024-12-02T11:25:18.401" v="135" actId="732"/>
        <pc:sldMkLst>
          <pc:docMk/>
          <pc:sldMk cId="2102092901" sldId="2147376652"/>
        </pc:sldMkLst>
        <pc:picChg chg="add mod modCrop">
          <ac:chgData name="Elisabeth Maria Fugger" userId="4743bbec-f18f-4726-9264-59ccc5b972f4" providerId="ADAL" clId="{B6B7DA97-155F-47E2-A286-D3E72BFAEA6E}" dt="2024-12-02T11:25:18.401" v="135" actId="732"/>
          <ac:picMkLst>
            <pc:docMk/>
            <pc:sldMk cId="2102092901" sldId="2147376652"/>
            <ac:picMk id="4" creationId="{14397C95-6621-F01B-F144-F9663D97017D}"/>
          </ac:picMkLst>
        </pc:picChg>
        <pc:picChg chg="del">
          <ac:chgData name="Elisabeth Maria Fugger" userId="4743bbec-f18f-4726-9264-59ccc5b972f4" providerId="ADAL" clId="{B6B7DA97-155F-47E2-A286-D3E72BFAEA6E}" dt="2024-12-02T11:23:01.528" v="118" actId="478"/>
          <ac:picMkLst>
            <pc:docMk/>
            <pc:sldMk cId="2102092901" sldId="2147376652"/>
            <ac:picMk id="7" creationId="{C20B8681-FC7F-F181-FAE1-FDCEE761E0F7}"/>
          </ac:picMkLst>
        </pc:picChg>
      </pc:sldChg>
      <pc:sldChg chg="modSp add mod ord modNotesTx">
        <pc:chgData name="Elisabeth Maria Fugger" userId="4743bbec-f18f-4726-9264-59ccc5b972f4" providerId="ADAL" clId="{B6B7DA97-155F-47E2-A286-D3E72BFAEA6E}" dt="2024-12-09T07:55:05.693" v="2258" actId="20577"/>
        <pc:sldMkLst>
          <pc:docMk/>
          <pc:sldMk cId="2288490142" sldId="2147376653"/>
        </pc:sldMkLst>
        <pc:picChg chg="mod">
          <ac:chgData name="Elisabeth Maria Fugger" userId="4743bbec-f18f-4726-9264-59ccc5b972f4" providerId="ADAL" clId="{B6B7DA97-155F-47E2-A286-D3E72BFAEA6E}" dt="2024-12-02T11:23:41.176" v="124" actId="1076"/>
          <ac:picMkLst>
            <pc:docMk/>
            <pc:sldMk cId="2288490142" sldId="2147376653"/>
            <ac:picMk id="7" creationId="{B3C94F7F-D846-BA66-02B2-9F5FD3F152A4}"/>
          </ac:picMkLst>
        </pc:picChg>
      </pc:sldChg>
      <pc:sldChg chg="addSp delSp modSp new mod modNotesTx">
        <pc:chgData name="Elisabeth Maria Fugger" userId="4743bbec-f18f-4726-9264-59ccc5b972f4" providerId="ADAL" clId="{B6B7DA97-155F-47E2-A286-D3E72BFAEA6E}" dt="2024-12-08T20:41:34.472" v="2044" actId="20577"/>
        <pc:sldMkLst>
          <pc:docMk/>
          <pc:sldMk cId="2722245090" sldId="2147376654"/>
        </pc:sldMkLst>
        <pc:spChg chg="mod">
          <ac:chgData name="Elisabeth Maria Fugger" userId="4743bbec-f18f-4726-9264-59ccc5b972f4" providerId="ADAL" clId="{B6B7DA97-155F-47E2-A286-D3E72BFAEA6E}" dt="2024-12-02T11:24:32.341" v="131"/>
          <ac:spMkLst>
            <pc:docMk/>
            <pc:sldMk cId="2722245090" sldId="2147376654"/>
            <ac:spMk id="2" creationId="{857F3366-5C30-E5AA-7D3B-B9A1D8052894}"/>
          </ac:spMkLst>
        </pc:spChg>
        <pc:spChg chg="del">
          <ac:chgData name="Elisabeth Maria Fugger" userId="4743bbec-f18f-4726-9264-59ccc5b972f4" providerId="ADAL" clId="{B6B7DA97-155F-47E2-A286-D3E72BFAEA6E}" dt="2024-12-02T11:24:20.203" v="126" actId="478"/>
          <ac:spMkLst>
            <pc:docMk/>
            <pc:sldMk cId="2722245090" sldId="2147376654"/>
            <ac:spMk id="3" creationId="{78E9ACDB-86F7-C829-D971-C918246838D8}"/>
          </ac:spMkLst>
        </pc:spChg>
        <pc:picChg chg="add mod">
          <ac:chgData name="Elisabeth Maria Fugger" userId="4743bbec-f18f-4726-9264-59ccc5b972f4" providerId="ADAL" clId="{B6B7DA97-155F-47E2-A286-D3E72BFAEA6E}" dt="2024-12-02T11:24:38.457" v="133" actId="1076"/>
          <ac:picMkLst>
            <pc:docMk/>
            <pc:sldMk cId="2722245090" sldId="2147376654"/>
            <ac:picMk id="5" creationId="{0C32053C-403E-2826-F22F-19E4A220E344}"/>
          </ac:picMkLst>
        </pc:picChg>
      </pc:sldChg>
    </pc:docChg>
  </pc:docChgLst>
  <pc:docChgLst>
    <pc:chgData name="Shraddha Mehta" userId="23637589-c6aa-4adb-ae04-fcc19d67fc47" providerId="ADAL" clId="{71477D0E-8F2A-48E6-8F44-041E754828A5}"/>
    <pc:docChg chg="addSld delSld modSld">
      <pc:chgData name="Shraddha Mehta" userId="23637589-c6aa-4adb-ae04-fcc19d67fc47" providerId="ADAL" clId="{71477D0E-8F2A-48E6-8F44-041E754828A5}" dt="2024-12-08T21:41:29.445" v="7" actId="20577"/>
      <pc:docMkLst>
        <pc:docMk/>
      </pc:docMkLst>
      <pc:sldChg chg="del">
        <pc:chgData name="Shraddha Mehta" userId="23637589-c6aa-4adb-ae04-fcc19d67fc47" providerId="ADAL" clId="{71477D0E-8F2A-48E6-8F44-041E754828A5}" dt="2024-12-08T21:41:18.627" v="1" actId="47"/>
        <pc:sldMkLst>
          <pc:docMk/>
          <pc:sldMk cId="109857222" sldId="256"/>
        </pc:sldMkLst>
      </pc:sldChg>
      <pc:sldChg chg="modSp add mod">
        <pc:chgData name="Shraddha Mehta" userId="23637589-c6aa-4adb-ae04-fcc19d67fc47" providerId="ADAL" clId="{71477D0E-8F2A-48E6-8F44-041E754828A5}" dt="2024-12-08T21:41:29.445" v="7" actId="20577"/>
        <pc:sldMkLst>
          <pc:docMk/>
          <pc:sldMk cId="574953351" sldId="2147376655"/>
        </pc:sldMkLst>
        <pc:spChg chg="mod">
          <ac:chgData name="Shraddha Mehta" userId="23637589-c6aa-4adb-ae04-fcc19d67fc47" providerId="ADAL" clId="{71477D0E-8F2A-48E6-8F44-041E754828A5}" dt="2024-12-08T21:41:29.445" v="7" actId="20577"/>
          <ac:spMkLst>
            <pc:docMk/>
            <pc:sldMk cId="574953351" sldId="2147376655"/>
            <ac:spMk id="3" creationId="{00000000-0000-0000-0000-000000000000}"/>
          </ac:spMkLst>
        </pc:spChg>
      </pc:sldChg>
    </pc:docChg>
  </pc:docChgLst>
  <pc:docChgLst>
    <pc:chgData name="Shraddha Mehta" userId="23637589-c6aa-4adb-ae04-fcc19d67fc47" providerId="ADAL" clId="{B4D15D56-F09C-4400-BD0E-F854D5FF934B}"/>
    <pc:docChg chg="custSel addSld delSld modSld sldOrd">
      <pc:chgData name="Shraddha Mehta" userId="23637589-c6aa-4adb-ae04-fcc19d67fc47" providerId="ADAL" clId="{B4D15D56-F09C-4400-BD0E-F854D5FF934B}" dt="2024-10-29T22:23:10.513" v="215" actId="478"/>
      <pc:docMkLst>
        <pc:docMk/>
      </pc:docMkLst>
      <pc:sldChg chg="addSp delSp modSp mod modClrScheme chgLayout">
        <pc:chgData name="Shraddha Mehta" userId="23637589-c6aa-4adb-ae04-fcc19d67fc47" providerId="ADAL" clId="{B4D15D56-F09C-4400-BD0E-F854D5FF934B}" dt="2024-10-29T22:16:17.048" v="204" actId="1035"/>
        <pc:sldMkLst>
          <pc:docMk/>
          <pc:sldMk cId="109857222" sldId="256"/>
        </pc:sldMkLst>
        <pc:spChg chg="mod ord">
          <ac:chgData name="Shraddha Mehta" userId="23637589-c6aa-4adb-ae04-fcc19d67fc47" providerId="ADAL" clId="{B4D15D56-F09C-4400-BD0E-F854D5FF934B}" dt="2024-10-29T22:02:07.136" v="52" actId="14100"/>
          <ac:spMkLst>
            <pc:docMk/>
            <pc:sldMk cId="109857222" sldId="256"/>
            <ac:spMk id="2" creationId="{00000000-0000-0000-0000-000000000000}"/>
          </ac:spMkLst>
        </pc:spChg>
        <pc:spChg chg="mod ord">
          <ac:chgData name="Shraddha Mehta" userId="23637589-c6aa-4adb-ae04-fcc19d67fc47" providerId="ADAL" clId="{B4D15D56-F09C-4400-BD0E-F854D5FF934B}" dt="2024-10-29T22:02:41.773" v="70" actId="20577"/>
          <ac:spMkLst>
            <pc:docMk/>
            <pc:sldMk cId="109857222" sldId="256"/>
            <ac:spMk id="3" creationId="{00000000-0000-0000-0000-000000000000}"/>
          </ac:spMkLst>
        </pc:spChg>
        <pc:spChg chg="add del mod ord">
          <ac:chgData name="Shraddha Mehta" userId="23637589-c6aa-4adb-ae04-fcc19d67fc47" providerId="ADAL" clId="{B4D15D56-F09C-4400-BD0E-F854D5FF934B}" dt="2024-10-29T21:59:39.136" v="5" actId="478"/>
          <ac:spMkLst>
            <pc:docMk/>
            <pc:sldMk cId="109857222" sldId="256"/>
            <ac:spMk id="5" creationId="{6C692B95-78D3-1260-6887-2FB5A98DFC03}"/>
          </ac:spMkLst>
        </pc:spChg>
        <pc:spChg chg="mod ord">
          <ac:chgData name="Shraddha Mehta" userId="23637589-c6aa-4adb-ae04-fcc19d67fc47" providerId="ADAL" clId="{B4D15D56-F09C-4400-BD0E-F854D5FF934B}" dt="2024-10-29T21:59:34.103" v="3" actId="700"/>
          <ac:spMkLst>
            <pc:docMk/>
            <pc:sldMk cId="109857222" sldId="256"/>
            <ac:spMk id="6" creationId="{B31E8663-418D-13B7-F89D-1960A87FBB7E}"/>
          </ac:spMkLst>
        </pc:spChg>
        <pc:spChg chg="add del mod ord">
          <ac:chgData name="Shraddha Mehta" userId="23637589-c6aa-4adb-ae04-fcc19d67fc47" providerId="ADAL" clId="{B4D15D56-F09C-4400-BD0E-F854D5FF934B}" dt="2024-10-29T22:01:30.819" v="43" actId="478"/>
          <ac:spMkLst>
            <pc:docMk/>
            <pc:sldMk cId="109857222" sldId="256"/>
            <ac:spMk id="9" creationId="{3245C67F-CE84-1677-7B7E-3C8A80156ABE}"/>
          </ac:spMkLst>
        </pc:spChg>
        <pc:spChg chg="add mod">
          <ac:chgData name="Shraddha Mehta" userId="23637589-c6aa-4adb-ae04-fcc19d67fc47" providerId="ADAL" clId="{B4D15D56-F09C-4400-BD0E-F854D5FF934B}" dt="2024-10-29T22:11:08.786" v="179" actId="404"/>
          <ac:spMkLst>
            <pc:docMk/>
            <pc:sldMk cId="109857222" sldId="256"/>
            <ac:spMk id="10" creationId="{1D7B3C13-87A4-0C63-01DB-9FA2371B2902}"/>
          </ac:spMkLst>
        </pc:spChg>
        <pc:spChg chg="add del mod">
          <ac:chgData name="Shraddha Mehta" userId="23637589-c6aa-4adb-ae04-fcc19d67fc47" providerId="ADAL" clId="{B4D15D56-F09C-4400-BD0E-F854D5FF934B}" dt="2024-10-29T22:15:42.802" v="191" actId="21"/>
          <ac:spMkLst>
            <pc:docMk/>
            <pc:sldMk cId="109857222" sldId="256"/>
            <ac:spMk id="14" creationId="{E5E7707F-13F9-DF14-66EC-31554C18AD5D}"/>
          </ac:spMkLst>
        </pc:spChg>
        <pc:spChg chg="add mod">
          <ac:chgData name="Shraddha Mehta" userId="23637589-c6aa-4adb-ae04-fcc19d67fc47" providerId="ADAL" clId="{B4D15D56-F09C-4400-BD0E-F854D5FF934B}" dt="2024-10-29T22:16:17.048" v="204" actId="1035"/>
          <ac:spMkLst>
            <pc:docMk/>
            <pc:sldMk cId="109857222" sldId="256"/>
            <ac:spMk id="15" creationId="{6F2961B8-D87D-53A0-57A2-6B94300F3A7A}"/>
          </ac:spMkLst>
        </pc:spChg>
        <pc:picChg chg="add mod">
          <ac:chgData name="Shraddha Mehta" userId="23637589-c6aa-4adb-ae04-fcc19d67fc47" providerId="ADAL" clId="{B4D15D56-F09C-4400-BD0E-F854D5FF934B}" dt="2024-10-29T22:03:10.923" v="77" actId="1076"/>
          <ac:picMkLst>
            <pc:docMk/>
            <pc:sldMk cId="109857222" sldId="256"/>
            <ac:picMk id="4" creationId="{5BACD7FC-ABC1-6391-4CD7-8D42B07E40A8}"/>
          </ac:picMkLst>
        </pc:picChg>
        <pc:picChg chg="del mod">
          <ac:chgData name="Shraddha Mehta" userId="23637589-c6aa-4adb-ae04-fcc19d67fc47" providerId="ADAL" clId="{B4D15D56-F09C-4400-BD0E-F854D5FF934B}" dt="2024-10-29T22:13:31.498" v="182" actId="478"/>
          <ac:picMkLst>
            <pc:docMk/>
            <pc:sldMk cId="109857222" sldId="256"/>
            <ac:picMk id="7" creationId="{07659021-BAE1-4707-6F33-378B076AF5E1}"/>
          </ac:picMkLst>
        </pc:picChg>
        <pc:picChg chg="mod">
          <ac:chgData name="Shraddha Mehta" userId="23637589-c6aa-4adb-ae04-fcc19d67fc47" providerId="ADAL" clId="{B4D15D56-F09C-4400-BD0E-F854D5FF934B}" dt="2024-10-29T22:03:33.154" v="103" actId="1076"/>
          <ac:picMkLst>
            <pc:docMk/>
            <pc:sldMk cId="109857222" sldId="256"/>
            <ac:picMk id="8" creationId="{7CE9300F-5E10-D8FD-38CB-23075D7AAAA6}"/>
          </ac:picMkLst>
        </pc:picChg>
        <pc:picChg chg="add mod">
          <ac:chgData name="Shraddha Mehta" userId="23637589-c6aa-4adb-ae04-fcc19d67fc47" providerId="ADAL" clId="{B4D15D56-F09C-4400-BD0E-F854D5FF934B}" dt="2024-10-29T22:16:13.579" v="199" actId="1035"/>
          <ac:picMkLst>
            <pc:docMk/>
            <pc:sldMk cId="109857222" sldId="256"/>
            <ac:picMk id="11" creationId="{48FECE8E-026D-CAFD-13F9-F08182A22741}"/>
          </ac:picMkLst>
        </pc:picChg>
        <pc:picChg chg="mod">
          <ac:chgData name="Shraddha Mehta" userId="23637589-c6aa-4adb-ae04-fcc19d67fc47" providerId="ADAL" clId="{B4D15D56-F09C-4400-BD0E-F854D5FF934B}" dt="2024-10-29T22:03:29.310" v="101" actId="1076"/>
          <ac:picMkLst>
            <pc:docMk/>
            <pc:sldMk cId="109857222" sldId="256"/>
            <ac:picMk id="12" creationId="{82AA2D1B-3B90-5845-5939-4AF3289EF89A}"/>
          </ac:picMkLst>
        </pc:picChg>
        <pc:picChg chg="add del mod">
          <ac:chgData name="Shraddha Mehta" userId="23637589-c6aa-4adb-ae04-fcc19d67fc47" providerId="ADAL" clId="{B4D15D56-F09C-4400-BD0E-F854D5FF934B}" dt="2024-10-29T22:15:42.802" v="191" actId="21"/>
          <ac:picMkLst>
            <pc:docMk/>
            <pc:sldMk cId="109857222" sldId="256"/>
            <ac:picMk id="13" creationId="{B3D44A07-B746-4D92-CD0B-E7AC73A707FC}"/>
          </ac:picMkLst>
        </pc:picChg>
        <pc:picChg chg="del mod">
          <ac:chgData name="Shraddha Mehta" userId="23637589-c6aa-4adb-ae04-fcc19d67fc47" providerId="ADAL" clId="{B4D15D56-F09C-4400-BD0E-F854D5FF934B}" dt="2024-10-29T22:03:26.369" v="100" actId="478"/>
          <ac:picMkLst>
            <pc:docMk/>
            <pc:sldMk cId="109857222" sldId="256"/>
            <ac:picMk id="16" creationId="{6D7BE32E-BCA1-D62B-A413-353D09656454}"/>
          </ac:picMkLst>
        </pc:picChg>
        <pc:picChg chg="mod">
          <ac:chgData name="Shraddha Mehta" userId="23637589-c6aa-4adb-ae04-fcc19d67fc47" providerId="ADAL" clId="{B4D15D56-F09C-4400-BD0E-F854D5FF934B}" dt="2024-10-29T22:03:31.239" v="102" actId="1076"/>
          <ac:picMkLst>
            <pc:docMk/>
            <pc:sldMk cId="109857222" sldId="256"/>
            <ac:picMk id="20" creationId="{A4C16E00-58E0-E391-C241-684C3857054E}"/>
          </ac:picMkLst>
        </pc:picChg>
      </pc:sldChg>
      <pc:sldChg chg="addSp modSp del">
        <pc:chgData name="Shraddha Mehta" userId="23637589-c6aa-4adb-ae04-fcc19d67fc47" providerId="ADAL" clId="{B4D15D56-F09C-4400-BD0E-F854D5FF934B}" dt="2024-10-29T22:15:13.721" v="186" actId="47"/>
        <pc:sldMkLst>
          <pc:docMk/>
          <pc:sldMk cId="1376714813" sldId="274"/>
        </pc:sldMkLst>
        <pc:picChg chg="add mod">
          <ac:chgData name="Shraddha Mehta" userId="23637589-c6aa-4adb-ae04-fcc19d67fc47" providerId="ADAL" clId="{B4D15D56-F09C-4400-BD0E-F854D5FF934B}" dt="2024-10-29T21:58:39.078" v="1"/>
          <ac:picMkLst>
            <pc:docMk/>
            <pc:sldMk cId="1376714813" sldId="274"/>
            <ac:picMk id="2" creationId="{5BACD7FC-ABC1-6391-4CD7-8D42B07E40A8}"/>
          </ac:picMkLst>
        </pc:picChg>
      </pc:sldChg>
      <pc:sldChg chg="delSp mod">
        <pc:chgData name="Shraddha Mehta" userId="23637589-c6aa-4adb-ae04-fcc19d67fc47" providerId="ADAL" clId="{B4D15D56-F09C-4400-BD0E-F854D5FF934B}" dt="2024-10-29T22:22:12.645" v="213" actId="478"/>
        <pc:sldMkLst>
          <pc:docMk/>
          <pc:sldMk cId="3746006478" sldId="307"/>
        </pc:sldMkLst>
        <pc:spChg chg="del">
          <ac:chgData name="Shraddha Mehta" userId="23637589-c6aa-4adb-ae04-fcc19d67fc47" providerId="ADAL" clId="{B4D15D56-F09C-4400-BD0E-F854D5FF934B}" dt="2024-10-29T22:22:12.645" v="213" actId="478"/>
          <ac:spMkLst>
            <pc:docMk/>
            <pc:sldMk cId="3746006478" sldId="307"/>
            <ac:spMk id="3" creationId="{1A777420-6043-2651-E7E7-37837E2E8B87}"/>
          </ac:spMkLst>
        </pc:spChg>
      </pc:sldChg>
      <pc:sldChg chg="del">
        <pc:chgData name="Shraddha Mehta" userId="23637589-c6aa-4adb-ae04-fcc19d67fc47" providerId="ADAL" clId="{B4D15D56-F09C-4400-BD0E-F854D5FF934B}" dt="2024-10-29T22:13:57.811" v="185" actId="47"/>
        <pc:sldMkLst>
          <pc:docMk/>
          <pc:sldMk cId="815999934" sldId="2147376641"/>
        </pc:sldMkLst>
      </pc:sldChg>
      <pc:sldChg chg="del">
        <pc:chgData name="Shraddha Mehta" userId="23637589-c6aa-4adb-ae04-fcc19d67fc47" providerId="ADAL" clId="{B4D15D56-F09C-4400-BD0E-F854D5FF934B}" dt="2024-10-29T22:18:14.479" v="205" actId="47"/>
        <pc:sldMkLst>
          <pc:docMk/>
          <pc:sldMk cId="2205197872" sldId="2147376643"/>
        </pc:sldMkLst>
      </pc:sldChg>
      <pc:sldChg chg="delSp add mod">
        <pc:chgData name="Shraddha Mehta" userId="23637589-c6aa-4adb-ae04-fcc19d67fc47" providerId="ADAL" clId="{B4D15D56-F09C-4400-BD0E-F854D5FF934B}" dt="2024-10-29T22:18:29.052" v="208" actId="478"/>
        <pc:sldMkLst>
          <pc:docMk/>
          <pc:sldMk cId="2205197872" sldId="2147376645"/>
        </pc:sldMkLst>
        <pc:spChg chg="del">
          <ac:chgData name="Shraddha Mehta" userId="23637589-c6aa-4adb-ae04-fcc19d67fc47" providerId="ADAL" clId="{B4D15D56-F09C-4400-BD0E-F854D5FF934B}" dt="2024-10-29T22:18:29.052" v="208" actId="478"/>
          <ac:spMkLst>
            <pc:docMk/>
            <pc:sldMk cId="2205197872" sldId="2147376645"/>
            <ac:spMk id="6" creationId="{3B7E819D-72C5-7C5C-0911-7BF0CAEBE3E8}"/>
          </ac:spMkLst>
        </pc:spChg>
        <pc:picChg chg="del">
          <ac:chgData name="Shraddha Mehta" userId="23637589-c6aa-4adb-ae04-fcc19d67fc47" providerId="ADAL" clId="{B4D15D56-F09C-4400-BD0E-F854D5FF934B}" dt="2024-10-29T22:18:26.174" v="207" actId="478"/>
          <ac:picMkLst>
            <pc:docMk/>
            <pc:sldMk cId="2205197872" sldId="2147376645"/>
            <ac:picMk id="2" creationId="{2BB326CF-A5E9-E706-AC2C-3FBD1C69D3BC}"/>
          </ac:picMkLst>
        </pc:picChg>
      </pc:sldChg>
      <pc:sldChg chg="modSp mod">
        <pc:chgData name="Shraddha Mehta" userId="23637589-c6aa-4adb-ae04-fcc19d67fc47" providerId="ADAL" clId="{B4D15D56-F09C-4400-BD0E-F854D5FF934B}" dt="2024-10-29T22:20:10.859" v="209" actId="1076"/>
        <pc:sldMkLst>
          <pc:docMk/>
          <pc:sldMk cId="297381048" sldId="2147376646"/>
        </pc:sldMkLst>
        <pc:spChg chg="mod">
          <ac:chgData name="Shraddha Mehta" userId="23637589-c6aa-4adb-ae04-fcc19d67fc47" providerId="ADAL" clId="{B4D15D56-F09C-4400-BD0E-F854D5FF934B}" dt="2024-10-29T22:20:10.859" v="209" actId="1076"/>
          <ac:spMkLst>
            <pc:docMk/>
            <pc:sldMk cId="297381048" sldId="2147376646"/>
            <ac:spMk id="2" creationId="{8E44C5CB-59A9-E6ED-C4BC-4AE5AD9DC48C}"/>
          </ac:spMkLst>
        </pc:spChg>
      </pc:sldChg>
      <pc:sldChg chg="mod ord modShow">
        <pc:chgData name="Shraddha Mehta" userId="23637589-c6aa-4adb-ae04-fcc19d67fc47" providerId="ADAL" clId="{B4D15D56-F09C-4400-BD0E-F854D5FF934B}" dt="2024-10-29T22:20:41.884" v="212" actId="729"/>
        <pc:sldMkLst>
          <pc:docMk/>
          <pc:sldMk cId="1236786126" sldId="2147376647"/>
        </pc:sldMkLst>
      </pc:sldChg>
      <pc:sldChg chg="modSp add mod">
        <pc:chgData name="Shraddha Mehta" userId="23637589-c6aa-4adb-ae04-fcc19d67fc47" providerId="ADAL" clId="{B4D15D56-F09C-4400-BD0E-F854D5FF934B}" dt="2024-10-29T22:13:21.447" v="181"/>
        <pc:sldMkLst>
          <pc:docMk/>
          <pc:sldMk cId="841134225" sldId="2147376648"/>
        </pc:sldMkLst>
        <pc:spChg chg="mod">
          <ac:chgData name="Shraddha Mehta" userId="23637589-c6aa-4adb-ae04-fcc19d67fc47" providerId="ADAL" clId="{B4D15D56-F09C-4400-BD0E-F854D5FF934B}" dt="2024-10-29T22:13:21.447" v="181"/>
          <ac:spMkLst>
            <pc:docMk/>
            <pc:sldMk cId="841134225" sldId="2147376648"/>
            <ac:spMk id="2" creationId="{76888ABF-7254-BC32-9EAD-37E31E2B053B}"/>
          </ac:spMkLst>
        </pc:spChg>
      </pc:sldChg>
      <pc:sldChg chg="delSp add mod">
        <pc:chgData name="Shraddha Mehta" userId="23637589-c6aa-4adb-ae04-fcc19d67fc47" providerId="ADAL" clId="{B4D15D56-F09C-4400-BD0E-F854D5FF934B}" dt="2024-10-29T22:23:10.513" v="215" actId="478"/>
        <pc:sldMkLst>
          <pc:docMk/>
          <pc:sldMk cId="705195464" sldId="2147376649"/>
        </pc:sldMkLst>
        <pc:spChg chg="del">
          <ac:chgData name="Shraddha Mehta" userId="23637589-c6aa-4adb-ae04-fcc19d67fc47" providerId="ADAL" clId="{B4D15D56-F09C-4400-BD0E-F854D5FF934B}" dt="2024-10-29T22:23:10.513" v="215" actId="478"/>
          <ac:spMkLst>
            <pc:docMk/>
            <pc:sldMk cId="705195464" sldId="2147376649"/>
            <ac:spMk id="5" creationId="{39E5A1FE-521F-CCED-0DC4-A2DA2364B2B5}"/>
          </ac:spMkLst>
        </pc:spChg>
        <pc:spChg chg="del">
          <ac:chgData name="Shraddha Mehta" userId="23637589-c6aa-4adb-ae04-fcc19d67fc47" providerId="ADAL" clId="{B4D15D56-F09C-4400-BD0E-F854D5FF934B}" dt="2024-10-29T22:15:28.399" v="189" actId="478"/>
          <ac:spMkLst>
            <pc:docMk/>
            <pc:sldMk cId="705195464" sldId="2147376649"/>
            <ac:spMk id="9" creationId="{5C84D6FA-F16F-4344-4A64-B411109E2448}"/>
          </ac:spMkLst>
        </pc:spChg>
        <pc:spChg chg="del">
          <ac:chgData name="Shraddha Mehta" userId="23637589-c6aa-4adb-ae04-fcc19d67fc47" providerId="ADAL" clId="{B4D15D56-F09C-4400-BD0E-F854D5FF934B}" dt="2024-10-29T22:15:26.443" v="188" actId="478"/>
          <ac:spMkLst>
            <pc:docMk/>
            <pc:sldMk cId="705195464" sldId="2147376649"/>
            <ac:spMk id="12" creationId="{E170DF42-3178-B17E-D069-9DCEDCFA6749}"/>
          </ac:spMkLst>
        </pc:spChg>
        <pc:picChg chg="del">
          <ac:chgData name="Shraddha Mehta" userId="23637589-c6aa-4adb-ae04-fcc19d67fc47" providerId="ADAL" clId="{B4D15D56-F09C-4400-BD0E-F854D5FF934B}" dt="2024-10-29T22:23:07.979" v="214" actId="478"/>
          <ac:picMkLst>
            <pc:docMk/>
            <pc:sldMk cId="705195464" sldId="2147376649"/>
            <ac:picMk id="4" creationId="{990319A4-21E1-CC59-D62C-F2E70FA392EF}"/>
          </ac:picMkLst>
        </pc:pic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oleObject" Target="https://sintef.sharepoint.com/teams/work-23373/Delte%20dokumenter/Arbeidspakker/AP2/Resultater/Results%20LCA.xlsx" TargetMode="Externa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1.xml"/><Relationship Id="rId2" Type="http://schemas.microsoft.com/office/2011/relationships/chartColorStyle" Target="colors12.xml"/><Relationship Id="rId1" Type="http://schemas.microsoft.com/office/2011/relationships/chartStyle" Target="style12.xml"/><Relationship Id="rId4" Type="http://schemas.openxmlformats.org/officeDocument/2006/relationships/oleObject" Target="../embeddings/oleObject5.bin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2.xml"/><Relationship Id="rId2" Type="http://schemas.microsoft.com/office/2011/relationships/chartColorStyle" Target="colors13.xml"/><Relationship Id="rId1" Type="http://schemas.microsoft.com/office/2011/relationships/chartStyle" Target="style13.xml"/><Relationship Id="rId4" Type="http://schemas.openxmlformats.org/officeDocument/2006/relationships/oleObject" Target="https://sintef.sharepoint.com/teams/work-23373/Delte%20dokumenter/Arbeidspakker/AP4/LCA/LCA%20Results%20per%20scenario.xlsx" TargetMode="Externa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4.xml"/><Relationship Id="rId1" Type="http://schemas.microsoft.com/office/2011/relationships/chartStyle" Target="style4.xml"/><Relationship Id="rId4" Type="http://schemas.openxmlformats.org/officeDocument/2006/relationships/oleObject" Target="../embeddings/oleObject1.bin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5.xml"/><Relationship Id="rId1" Type="http://schemas.microsoft.com/office/2011/relationships/chartStyle" Target="style5.xml"/><Relationship Id="rId4" Type="http://schemas.openxmlformats.org/officeDocument/2006/relationships/oleObject" Target="../embeddings/oleObject2.bin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5.xml"/><Relationship Id="rId2" Type="http://schemas.microsoft.com/office/2011/relationships/chartColorStyle" Target="colors6.xml"/><Relationship Id="rId1" Type="http://schemas.microsoft.com/office/2011/relationships/chartStyle" Target="style6.xml"/><Relationship Id="rId4" Type="http://schemas.openxmlformats.org/officeDocument/2006/relationships/oleObject" Target="../embeddings/oleObject3.bin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6.xml"/><Relationship Id="rId2" Type="http://schemas.microsoft.com/office/2011/relationships/chartColorStyle" Target="colors7.xml"/><Relationship Id="rId1" Type="http://schemas.microsoft.com/office/2011/relationships/chartStyle" Target="style7.xml"/><Relationship Id="rId4" Type="http://schemas.openxmlformats.org/officeDocument/2006/relationships/oleObject" Target="../embeddings/oleObject4.bin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7.xml"/><Relationship Id="rId2" Type="http://schemas.microsoft.com/office/2011/relationships/chartColorStyle" Target="colors8.xml"/><Relationship Id="rId1" Type="http://schemas.microsoft.com/office/2011/relationships/chartStyle" Target="style8.xml"/><Relationship Id="rId4" Type="http://schemas.openxmlformats.org/officeDocument/2006/relationships/oleObject" Target="Book1" TargetMode="Externa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8.xml"/><Relationship Id="rId2" Type="http://schemas.microsoft.com/office/2011/relationships/chartColorStyle" Target="colors9.xml"/><Relationship Id="rId1" Type="http://schemas.microsoft.com/office/2011/relationships/chartStyle" Target="style9.xml"/><Relationship Id="rId4" Type="http://schemas.openxmlformats.org/officeDocument/2006/relationships/oleObject" Target="Book1" TargetMode="Externa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9.xml"/><Relationship Id="rId2" Type="http://schemas.microsoft.com/office/2011/relationships/chartColorStyle" Target="colors10.xml"/><Relationship Id="rId1" Type="http://schemas.microsoft.com/office/2011/relationships/chartStyle" Target="style10.xml"/><Relationship Id="rId5" Type="http://schemas.openxmlformats.org/officeDocument/2006/relationships/chartUserShapes" Target="../drawings/drawing1.xml"/><Relationship Id="rId4" Type="http://schemas.openxmlformats.org/officeDocument/2006/relationships/package" Target="../embeddings/Microsoft_Excel_Worksheet_7FFE5DF6_2F6C5CCA.xlsx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0.xml"/><Relationship Id="rId2" Type="http://schemas.microsoft.com/office/2011/relationships/chartColorStyle" Target="colors11.xml"/><Relationship Id="rId1" Type="http://schemas.microsoft.com/office/2011/relationships/chartStyle" Target="style11.xml"/><Relationship Id="rId5" Type="http://schemas.openxmlformats.org/officeDocument/2006/relationships/chartUserShapes" Target="../drawings/drawing2.xml"/><Relationship Id="rId4" Type="http://schemas.openxmlformats.org/officeDocument/2006/relationships/package" Target="../embeddings/Microsoft_Excel_Worksheet_7FFE5E05_8370A630.xlsx"/></Relationships>
</file>

<file path=ppt/charts/_rels/chartEx1.xml.rels><?xml version="1.0" encoding="UTF-8" standalone="yes"?>
<Relationships xmlns="http://schemas.openxmlformats.org/package/2006/relationships"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Ex2.xml.rels><?xml version="1.0" encoding="UTF-8" standalone="yes"?>
<Relationships xmlns="http://schemas.openxmlformats.org/package/2006/relationships"><Relationship Id="rId3" Type="http://schemas.microsoft.com/office/2011/relationships/chartColorStyle" Target="colors2.xml"/><Relationship Id="rId2" Type="http://schemas.microsoft.com/office/2011/relationships/chartStyle" Target="style2.xml"/><Relationship Id="rId1" Type="http://schemas.openxmlformats.org/officeDocument/2006/relationships/oleObject" Target="file:///C:\Users\shraddham\OneDrive%20-%20SINTEF\Desktop\UPPR&#196;KNING.xlsx" TargetMode="External"/><Relationship Id="rId4" Type="http://schemas.openxmlformats.org/officeDocument/2006/relationships/themeOverride" Target="../theme/themeOverrid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/>
              <a:t>CLOSED</a:t>
            </a:r>
          </a:p>
        </c:rich>
      </c:tx>
      <c:layout>
        <c:manualLayout>
          <c:xMode val="edge"/>
          <c:yMode val="edge"/>
          <c:x val="0.44317804173550113"/>
          <c:y val="0.4477600281397577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38199161986270841"/>
          <c:y val="0.17051240366971421"/>
          <c:w val="0.61800833249641207"/>
          <c:h val="0.95151191689039805"/>
        </c:manualLayout>
      </c:layout>
      <c:doughnutChart>
        <c:varyColors val="1"/>
        <c:dLbls>
          <c:showLegendKey val="0"/>
          <c:showVal val="0"/>
          <c:showCatName val="0"/>
          <c:showSerName val="0"/>
          <c:showPercent val="1"/>
          <c:showBubbleSize val="0"/>
          <c:showLeaderLines val="0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nb-NO" sz="2400"/>
              <a:t>Arealbruk på lan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stacked"/>
        <c:varyColors val="0"/>
        <c:ser>
          <c:idx val="3"/>
          <c:order val="3"/>
          <c:tx>
            <c:strRef>
              <c:f>'[LCA Results per scenario.xlsx]Area'!$B$15</c:f>
              <c:strCache>
                <c:ptCount val="1"/>
                <c:pt idx="0">
                  <c:v>Landbasert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'[LCA Results per scenario.xlsx]Area'!$C$11:$F$1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Area'!$C$15:$F$15</c:f>
              <c:numCache>
                <c:formatCode>0</c:formatCode>
                <c:ptCount val="4"/>
                <c:pt idx="0">
                  <c:v>72224.831250000003</c:v>
                </c:pt>
                <c:pt idx="1">
                  <c:v>577798.65</c:v>
                </c:pt>
                <c:pt idx="2">
                  <c:v>1444496.6250000002</c:v>
                </c:pt>
                <c:pt idx="3">
                  <c:v>2888993.250000000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44B-4C13-BDFC-A633DE2253DC}"/>
            </c:ext>
          </c:extLst>
        </c:ser>
        <c:ser>
          <c:idx val="4"/>
          <c:order val="4"/>
          <c:tx>
            <c:strRef>
              <c:f>'[LCA Results per scenario.xlsx]Area'!$B$16</c:f>
              <c:strCache>
                <c:ptCount val="1"/>
                <c:pt idx="0">
                  <c:v>Smolt 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cat>
            <c:strRef>
              <c:f>'[LCA Results per scenario.xlsx]Area'!$C$11:$F$1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Area'!$C$16:$F$16</c:f>
              <c:numCache>
                <c:formatCode>0</c:formatCode>
                <c:ptCount val="4"/>
                <c:pt idx="0">
                  <c:v>1430550.0000000002</c:v>
                </c:pt>
                <c:pt idx="1">
                  <c:v>1144440</c:v>
                </c:pt>
                <c:pt idx="2">
                  <c:v>1287495</c:v>
                </c:pt>
                <c:pt idx="3">
                  <c:v>2002770.00000000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B44B-4C13-BDFC-A633DE2253DC}"/>
            </c:ext>
          </c:extLst>
        </c:ser>
        <c:ser>
          <c:idx val="5"/>
          <c:order val="5"/>
          <c:tx>
            <c:strRef>
              <c:f>'[LCA Results per scenario.xlsx]Area'!$B$17</c:f>
              <c:strCache>
                <c:ptCount val="1"/>
                <c:pt idx="0">
                  <c:v>Postsmolt 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cat>
            <c:strRef>
              <c:f>'[LCA Results per scenario.xlsx]Area'!$C$11:$F$1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Area'!$C$17:$F$17</c:f>
              <c:numCache>
                <c:formatCode>0</c:formatCode>
                <c:ptCount val="4"/>
                <c:pt idx="0">
                  <c:v>21625.3125</c:v>
                </c:pt>
                <c:pt idx="1">
                  <c:v>23067.000000000004</c:v>
                </c:pt>
                <c:pt idx="2">
                  <c:v>144168.75</c:v>
                </c:pt>
                <c:pt idx="3">
                  <c:v>865012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B44B-4C13-BDFC-A633DE2253D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100"/>
        <c:axId val="1139936816"/>
        <c:axId val="1139939696"/>
        <c:extLst>
          <c:ext xmlns:c15="http://schemas.microsoft.com/office/drawing/2012/chart" uri="{02D57815-91ED-43cb-92C2-25804820EDAC}">
            <c15:filteredBarSeries>
              <c15:ser>
                <c:idx val="0"/>
                <c:order val="0"/>
                <c:tx>
                  <c:strRef>
                    <c:extLst>
                      <c:ext uri="{02D57815-91ED-43cb-92C2-25804820EDAC}">
                        <c15:formulaRef>
                          <c15:sqref>'[LCA Results per scenario.xlsx]Area'!$B$12</c15:sqref>
                        </c15:formulaRef>
                      </c:ext>
                    </c:extLst>
                    <c:strCache>
                      <c:ptCount val="1"/>
                      <c:pt idx="0">
                        <c:v>Landbasert</c:v>
                      </c:pt>
                    </c:strCache>
                  </c:strRef>
                </c:tx>
                <c:spPr>
                  <a:solidFill>
                    <a:schemeClr val="accent1"/>
                  </a:solidFill>
                  <a:ln>
                    <a:noFill/>
                  </a:ln>
                  <a:effectLst/>
                </c:spPr>
                <c:invertIfNegative val="0"/>
                <c:cat>
                  <c:strRef>
                    <c:extLst>
                      <c:ext uri="{02D57815-91ED-43cb-92C2-25804820EDAC}">
                        <c15:formulaRef>
                          <c15:sqref>'[LCA Results per scenario.xlsx]Area'!$C$11:$F$11</c15:sqref>
                        </c15:formulaRef>
                      </c:ext>
                    </c:extLst>
                    <c:strCache>
                      <c:ptCount val="4"/>
                      <c:pt idx="0">
                        <c:v>Referanse-scenario</c:v>
                      </c:pt>
                      <c:pt idx="1">
                        <c:v>Scenario 1 </c:v>
                      </c:pt>
                      <c:pt idx="2">
                        <c:v>Scenario 2</c:v>
                      </c:pt>
                      <c:pt idx="3">
                        <c:v>Scenario 3</c:v>
                      </c:pt>
                    </c:strCache>
                  </c:strRef>
                </c:cat>
                <c:val>
                  <c:numRef>
                    <c:extLst>
                      <c:ext uri="{02D57815-91ED-43cb-92C2-25804820EDAC}">
                        <c15:formulaRef>
                          <c15:sqref>'[LCA Results per scenario.xlsx]Area'!$C$12:$F$12</c15:sqref>
                        </c15:formulaRef>
                      </c:ext>
                    </c:extLst>
                    <c:numCache>
                      <c:formatCode>General</c:formatCode>
                      <c:ptCount val="4"/>
                      <c:pt idx="0">
                        <c:v>8250</c:v>
                      </c:pt>
                      <c:pt idx="1">
                        <c:v>66000</c:v>
                      </c:pt>
                      <c:pt idx="2">
                        <c:v>165000</c:v>
                      </c:pt>
                      <c:pt idx="3">
                        <c:v>330000</c:v>
                      </c:pt>
                    </c:numCache>
                  </c:numRef>
                </c:val>
                <c:extLst>
                  <c:ext xmlns:c16="http://schemas.microsoft.com/office/drawing/2014/chart" uri="{C3380CC4-5D6E-409C-BE32-E72D297353CC}">
                    <c16:uniqueId val="{00000003-B44B-4C13-BDFC-A633DE2253DC}"/>
                  </c:ext>
                </c:extLst>
              </c15:ser>
            </c15:filteredBarSeries>
            <c15:filteredBarSeries>
              <c15:ser>
                <c:idx val="1"/>
                <c:order val="1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B$13</c15:sqref>
                        </c15:formulaRef>
                      </c:ext>
                    </c:extLst>
                    <c:strCache>
                      <c:ptCount val="1"/>
                      <c:pt idx="0">
                        <c:v>Smolt </c:v>
                      </c:pt>
                    </c:strCache>
                  </c:strRef>
                </c:tx>
                <c:spPr>
                  <a:solidFill>
                    <a:schemeClr val="accent2"/>
                  </a:solidFill>
                  <a:ln>
                    <a:noFill/>
                  </a:ln>
                  <a:effectLst/>
                </c:spPr>
                <c:invertIfNegative val="0"/>
                <c:cat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C$11:$F$11</c15:sqref>
                        </c15:formulaRef>
                      </c:ext>
                    </c:extLst>
                    <c:strCache>
                      <c:ptCount val="4"/>
                      <c:pt idx="0">
                        <c:v>Referanse-scenario</c:v>
                      </c:pt>
                      <c:pt idx="1">
                        <c:v>Scenario 1 </c:v>
                      </c:pt>
                      <c:pt idx="2">
                        <c:v>Scenario 2</c:v>
                      </c:pt>
                      <c:pt idx="3">
                        <c:v>Scenario 3</c:v>
                      </c:pt>
                    </c:strCache>
                  </c:strRef>
                </c:cat>
                <c: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C$13:$F$13</c15:sqref>
                        </c15:formulaRef>
                      </c:ext>
                    </c:extLst>
                    <c:numCache>
                      <c:formatCode>General</c:formatCode>
                      <c:ptCount val="4"/>
                      <c:pt idx="0">
                        <c:v>56100.000000000007</c:v>
                      </c:pt>
                      <c:pt idx="1">
                        <c:v>44880</c:v>
                      </c:pt>
                      <c:pt idx="2">
                        <c:v>50490</c:v>
                      </c:pt>
                      <c:pt idx="3">
                        <c:v>78540</c:v>
                      </c:pt>
                    </c:numCache>
                  </c:numRef>
                </c:val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4-B44B-4C13-BDFC-A633DE2253DC}"/>
                  </c:ext>
                </c:extLst>
              </c15:ser>
            </c15:filteredBarSeries>
            <c15:filteredBarSeries>
              <c15:ser>
                <c:idx val="2"/>
                <c:order val="2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B$14</c15:sqref>
                        </c15:formulaRef>
                      </c:ext>
                    </c:extLst>
                    <c:strCache>
                      <c:ptCount val="1"/>
                      <c:pt idx="0">
                        <c:v>Postsmolt </c:v>
                      </c:pt>
                    </c:strCache>
                  </c:strRef>
                </c:tx>
                <c:spPr>
                  <a:solidFill>
                    <a:schemeClr val="accent3"/>
                  </a:solidFill>
                  <a:ln>
                    <a:noFill/>
                  </a:ln>
                  <a:effectLst/>
                </c:spPr>
                <c:invertIfNegative val="0"/>
                <c:cat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C$11:$F$11</c15:sqref>
                        </c15:formulaRef>
                      </c:ext>
                    </c:extLst>
                    <c:strCache>
                      <c:ptCount val="4"/>
                      <c:pt idx="0">
                        <c:v>Referanse-scenario</c:v>
                      </c:pt>
                      <c:pt idx="1">
                        <c:v>Scenario 1 </c:v>
                      </c:pt>
                      <c:pt idx="2">
                        <c:v>Scenario 2</c:v>
                      </c:pt>
                      <c:pt idx="3">
                        <c:v>Scenario 3</c:v>
                      </c:pt>
                    </c:strCache>
                  </c:strRef>
                </c:cat>
                <c: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C$14:$F$14</c15:sqref>
                        </c15:formulaRef>
                      </c:ext>
                    </c:extLst>
                    <c:numCache>
                      <c:formatCode>General</c:formatCode>
                      <c:ptCount val="4"/>
                      <c:pt idx="0">
                        <c:v>5766.75</c:v>
                      </c:pt>
                      <c:pt idx="1">
                        <c:v>6151.2000000000007</c:v>
                      </c:pt>
                      <c:pt idx="2">
                        <c:v>38445</c:v>
                      </c:pt>
                      <c:pt idx="3">
                        <c:v>230670</c:v>
                      </c:pt>
                    </c:numCache>
                  </c:numRef>
                </c:val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5-B44B-4C13-BDFC-A633DE2253DC}"/>
                  </c:ext>
                </c:extLst>
              </c15:ser>
            </c15:filteredBarSeries>
          </c:ext>
        </c:extLst>
      </c:barChart>
      <c:catAx>
        <c:axId val="11399368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39939696"/>
        <c:crosses val="autoZero"/>
        <c:auto val="1"/>
        <c:lblAlgn val="ctr"/>
        <c:lblOffset val="100"/>
        <c:noMultiLvlLbl val="0"/>
      </c:catAx>
      <c:valAx>
        <c:axId val="113993969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nb-NO" sz="1200"/>
                  <a:t>m</a:t>
                </a:r>
                <a:r>
                  <a:rPr lang="nb-NO" sz="1200" baseline="30000"/>
                  <a:t>2</a:t>
                </a:r>
                <a:endParaRPr lang="nb-NO" sz="1200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3993681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>
      <a:outerShdw blurRad="50800" dist="38100" dir="2700000" algn="tl" rotWithShape="0">
        <a:prstClr val="black">
          <a:alpha val="40000"/>
        </a:prstClr>
      </a:outerShdw>
    </a:effectLst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nb-NO" sz="2400"/>
              <a:t>Elektrisitetsforbruk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15767770997171543"/>
          <c:y val="0.13044987580504799"/>
          <c:w val="0.81807043038631289"/>
          <c:h val="0.54044340847378913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[LCA Results per scenario.xlsx]Energy '!$D$17</c:f>
              <c:strCache>
                <c:ptCount val="1"/>
                <c:pt idx="0">
                  <c:v>Tradisjonel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D$18:$D$21</c:f>
              <c:numCache>
                <c:formatCode>0</c:formatCode>
                <c:ptCount val="4"/>
                <c:pt idx="0">
                  <c:v>79.2</c:v>
                </c:pt>
                <c:pt idx="1">
                  <c:v>54.78</c:v>
                </c:pt>
                <c:pt idx="2">
                  <c:v>41.25</c:v>
                </c:pt>
                <c:pt idx="3">
                  <c:v>24.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733-4417-B4F6-6E0DABB7C8FD}"/>
            </c:ext>
          </c:extLst>
        </c:ser>
        <c:ser>
          <c:idx val="1"/>
          <c:order val="1"/>
          <c:tx>
            <c:strRef>
              <c:f>'[LCA Results per scenario.xlsx]Energy '!$E$17</c:f>
              <c:strCache>
                <c:ptCount val="1"/>
                <c:pt idx="0">
                  <c:v>Nedsenkba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E$18:$E$21</c:f>
              <c:numCache>
                <c:formatCode>0</c:formatCode>
                <c:ptCount val="4"/>
                <c:pt idx="0">
                  <c:v>0.495</c:v>
                </c:pt>
                <c:pt idx="1">
                  <c:v>1.98</c:v>
                </c:pt>
                <c:pt idx="2">
                  <c:v>7.4249999999999998</c:v>
                </c:pt>
                <c:pt idx="3">
                  <c:v>14.8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733-4417-B4F6-6E0DABB7C8FD}"/>
            </c:ext>
          </c:extLst>
        </c:ser>
        <c:ser>
          <c:idx val="2"/>
          <c:order val="2"/>
          <c:tx>
            <c:strRef>
              <c:f>'[LCA Results per scenario.xlsx]Energy '!$F$17</c:f>
              <c:strCache>
                <c:ptCount val="1"/>
                <c:pt idx="0">
                  <c:v>Lukket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F$18:$F$21</c:f>
              <c:numCache>
                <c:formatCode>0</c:formatCode>
                <c:ptCount val="4"/>
                <c:pt idx="0">
                  <c:v>0</c:v>
                </c:pt>
                <c:pt idx="1">
                  <c:v>36.299999999999997</c:v>
                </c:pt>
                <c:pt idx="2">
                  <c:v>136.125</c:v>
                </c:pt>
                <c:pt idx="3">
                  <c:v>54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8733-4417-B4F6-6E0DABB7C8FD}"/>
            </c:ext>
          </c:extLst>
        </c:ser>
        <c:ser>
          <c:idx val="3"/>
          <c:order val="3"/>
          <c:tx>
            <c:strRef>
              <c:f>'[LCA Results per scenario.xlsx]Energy '!$G$17</c:f>
              <c:strCache>
                <c:ptCount val="1"/>
                <c:pt idx="0">
                  <c:v>Semi-lukket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G$18:$G$21</c:f>
              <c:numCache>
                <c:formatCode>0</c:formatCode>
                <c:ptCount val="4"/>
                <c:pt idx="0">
                  <c:v>18.149999999999999</c:v>
                </c:pt>
                <c:pt idx="1">
                  <c:v>36.299999999999997</c:v>
                </c:pt>
                <c:pt idx="2">
                  <c:v>136.125</c:v>
                </c:pt>
                <c:pt idx="3">
                  <c:v>54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8733-4417-B4F6-6E0DABB7C8FD}"/>
            </c:ext>
          </c:extLst>
        </c:ser>
        <c:ser>
          <c:idx val="4"/>
          <c:order val="4"/>
          <c:tx>
            <c:strRef>
              <c:f>'[LCA Results per scenario.xlsx]Energy '!$H$17</c:f>
              <c:strCache>
                <c:ptCount val="1"/>
                <c:pt idx="0">
                  <c:v>Landbasert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H$18:$H$21</c:f>
              <c:numCache>
                <c:formatCode>0</c:formatCode>
                <c:ptCount val="4"/>
                <c:pt idx="0">
                  <c:v>61.875</c:v>
                </c:pt>
                <c:pt idx="1">
                  <c:v>495</c:v>
                </c:pt>
                <c:pt idx="2">
                  <c:v>1237.5</c:v>
                </c:pt>
                <c:pt idx="3">
                  <c:v>24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733-4417-B4F6-6E0DABB7C8FD}"/>
            </c:ext>
          </c:extLst>
        </c:ser>
        <c:ser>
          <c:idx val="5"/>
          <c:order val="5"/>
          <c:tx>
            <c:strRef>
              <c:f>'[LCA Results per scenario.xlsx]Energy '!$I$17</c:f>
              <c:strCache>
                <c:ptCount val="1"/>
                <c:pt idx="0">
                  <c:v>Offshore/eksponert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I$18:$I$21</c:f>
              <c:numCache>
                <c:formatCode>0</c:formatCode>
                <c:ptCount val="4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8733-4417-B4F6-6E0DABB7C8FD}"/>
            </c:ext>
          </c:extLst>
        </c:ser>
        <c:ser>
          <c:idx val="6"/>
          <c:order val="6"/>
          <c:tx>
            <c:strRef>
              <c:f>'[LCA Results per scenario.xlsx]Energy '!$J$17</c:f>
              <c:strCache>
                <c:ptCount val="1"/>
                <c:pt idx="0">
                  <c:v>Smolt 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J$18:$J$21</c:f>
              <c:numCache>
                <c:formatCode>0</c:formatCode>
                <c:ptCount val="4"/>
                <c:pt idx="0">
                  <c:v>476.85000000000008</c:v>
                </c:pt>
                <c:pt idx="1">
                  <c:v>381.48</c:v>
                </c:pt>
                <c:pt idx="2">
                  <c:v>429.16500000000002</c:v>
                </c:pt>
                <c:pt idx="3">
                  <c:v>667.5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8733-4417-B4F6-6E0DABB7C8FD}"/>
            </c:ext>
          </c:extLst>
        </c:ser>
        <c:ser>
          <c:idx val="7"/>
          <c:order val="7"/>
          <c:tx>
            <c:strRef>
              <c:f>'[LCA Results per scenario.xlsx]Energy '!$K$17</c:f>
              <c:strCache>
                <c:ptCount val="1"/>
                <c:pt idx="0">
                  <c:v>Postsmolt</c:v>
                </c:pt>
              </c:strCache>
            </c:strRef>
          </c:tx>
          <c:spPr>
            <a:solidFill>
              <a:schemeClr val="accent2">
                <a:lumMod val="60000"/>
              </a:schemeClr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K$18:$K$21</c:f>
              <c:numCache>
                <c:formatCode>0</c:formatCode>
                <c:ptCount val="4"/>
                <c:pt idx="0">
                  <c:v>50.747399999999999</c:v>
                </c:pt>
                <c:pt idx="1">
                  <c:v>54.13056000000001</c:v>
                </c:pt>
                <c:pt idx="2">
                  <c:v>338.31599999999997</c:v>
                </c:pt>
                <c:pt idx="3">
                  <c:v>2029.89600000000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8733-4417-B4F6-6E0DABB7C8F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139936456"/>
        <c:axId val="1139935376"/>
      </c:barChart>
      <c:catAx>
        <c:axId val="113993645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39935376"/>
        <c:crosses val="autoZero"/>
        <c:auto val="1"/>
        <c:lblAlgn val="ctr"/>
        <c:lblOffset val="100"/>
        <c:noMultiLvlLbl val="0"/>
      </c:catAx>
      <c:valAx>
        <c:axId val="113993537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nb-NO" sz="1200"/>
                  <a:t>GWh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3993645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5.7495829704379033E-2"/>
          <c:y val="0.89680108835040251"/>
          <c:w val="0.94012620341390474"/>
          <c:h val="0.1031989116495974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>
      <a:outerShdw blurRad="50800" dist="38100" dir="2700000" algn="tl" rotWithShape="0">
        <a:prstClr val="black">
          <a:alpha val="40000"/>
        </a:prstClr>
      </a:outerShdw>
    </a:effectLst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 err="1"/>
              <a:t>TRADIsjonelt</a:t>
            </a:r>
            <a:endParaRPr lang="en-GB"/>
          </a:p>
        </c:rich>
      </c:tx>
      <c:layout>
        <c:manualLayout>
          <c:xMode val="edge"/>
          <c:yMode val="edge"/>
          <c:x val="0.21343930956175197"/>
          <c:y val="0.47281759877712426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6.0661572871695657E-2"/>
          <c:y val="6.3794042932819858E-2"/>
          <c:w val="0.55791818188567022"/>
          <c:h val="0.94583277881778249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82F0-44B8-90B2-CBE3FF27B439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3-82F0-44B8-90B2-CBE3FF27B439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5-82F0-44B8-90B2-CBE3FF27B439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7-82F0-44B8-90B2-CBE3FF27B439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9-82F0-44B8-90B2-CBE3FF27B439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B-82F0-44B8-90B2-CBE3FF27B439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D-82F0-44B8-90B2-CBE3FF27B439}"/>
              </c:ext>
            </c:extLst>
          </c:dPt>
          <c:dLbls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82F0-44B8-90B2-CBE3FF27B439}"/>
                </c:ext>
              </c:extLst>
            </c:dLbl>
            <c:dLbl>
              <c:idx val="2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82F0-44B8-90B2-CBE3FF27B439}"/>
                </c:ext>
              </c:extLst>
            </c:dLbl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82F0-44B8-90B2-CBE3FF27B439}"/>
                </c:ext>
              </c:extLst>
            </c:dLbl>
            <c:dLbl>
              <c:idx val="4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82F0-44B8-90B2-CBE3FF27B439}"/>
                </c:ext>
              </c:extLst>
            </c:dLbl>
            <c:dLbl>
              <c:idx val="5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82F0-44B8-90B2-CBE3FF27B439}"/>
                </c:ext>
              </c:extLst>
            </c:dLbl>
            <c:dLbl>
              <c:idx val="6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82F0-44B8-90B2-CBE3FF27B439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[Results LCA - Diesel.xlsx]GWP'!$F$4:$L$4</c:f>
              <c:strCache>
                <c:ptCount val="7"/>
                <c:pt idx="0">
                  <c:v>Diesel Boats</c:v>
                </c:pt>
                <c:pt idx="1">
                  <c:v>Chemicals and veterinary treatment</c:v>
                </c:pt>
                <c:pt idx="2">
                  <c:v>Smolt Production</c:v>
                </c:pt>
                <c:pt idx="3">
                  <c:v>Transport</c:v>
                </c:pt>
                <c:pt idx="4">
                  <c:v>Plastic</c:v>
                </c:pt>
                <c:pt idx="5">
                  <c:v>Other materials </c:v>
                </c:pt>
                <c:pt idx="6">
                  <c:v>Energy</c:v>
                </c:pt>
              </c:strCache>
            </c:strRef>
          </c:cat>
          <c:val>
            <c:numRef>
              <c:f>'[Results LCA - Diesel.xlsx]GWP'!$F$5:$L$5</c:f>
              <c:numCache>
                <c:formatCode>0.000</c:formatCode>
                <c:ptCount val="7"/>
                <c:pt idx="0">
                  <c:v>0.48591182999999999</c:v>
                </c:pt>
                <c:pt idx="1">
                  <c:v>1.13231618E-2</c:v>
                </c:pt>
                <c:pt idx="2">
                  <c:v>2.1711667E-2</c:v>
                </c:pt>
                <c:pt idx="3">
                  <c:v>1.2779126E-3</c:v>
                </c:pt>
                <c:pt idx="4">
                  <c:v>1.5078801899999999E-4</c:v>
                </c:pt>
                <c:pt idx="5" formatCode="0.0000">
                  <c:v>5.5882905E-5</c:v>
                </c:pt>
                <c:pt idx="6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82F0-44B8-90B2-CBE3FF27B439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/>
              <a:t>LAND-</a:t>
            </a:r>
            <a:r>
              <a:rPr lang="en-GB" err="1"/>
              <a:t>BASErt</a:t>
            </a:r>
            <a:endParaRPr lang="en-GB"/>
          </a:p>
          <a:p>
            <a:pPr>
              <a:defRPr/>
            </a:pPr>
            <a:r>
              <a:rPr lang="en-GB" sz="1100" err="1"/>
              <a:t>Norsk</a:t>
            </a:r>
            <a:r>
              <a:rPr lang="en-GB" sz="1100" baseline="0"/>
              <a:t> </a:t>
            </a:r>
            <a:r>
              <a:rPr lang="en-GB" sz="1100" baseline="0" err="1"/>
              <a:t>strøm</a:t>
            </a:r>
            <a:r>
              <a:rPr lang="en-GB" sz="1100" baseline="0"/>
              <a:t> </a:t>
            </a:r>
            <a:endParaRPr lang="en-GB" sz="1100"/>
          </a:p>
        </c:rich>
      </c:tx>
      <c:layout>
        <c:manualLayout>
          <c:xMode val="edge"/>
          <c:yMode val="edge"/>
          <c:x val="0.20946508773206085"/>
          <c:y val="0.42183857497549548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2.5578626039127889E-2"/>
          <c:y val="2.198079139150734E-2"/>
          <c:w val="0.61207564172466666"/>
          <c:h val="0.91224305928887939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6A8D-4D7B-BF22-0C366C64F14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3-6A8D-4D7B-BF22-0C366C64F143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5-6A8D-4D7B-BF22-0C366C64F143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7-6A8D-4D7B-BF22-0C366C64F143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9-6A8D-4D7B-BF22-0C366C64F143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B-6A8D-4D7B-BF22-0C366C64F14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D-6A8D-4D7B-BF22-0C366C64F143}"/>
              </c:ext>
            </c:extLst>
          </c:dPt>
          <c:dLbls>
            <c:dLbl>
              <c:idx val="0"/>
              <c:layout>
                <c:manualLayout>
                  <c:x val="-1.3736646445145885E-2"/>
                  <c:y val="-2.8483190819205993E-2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6A8D-4D7B-BF22-0C366C64F143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6A8D-4D7B-BF22-0C366C64F143}"/>
                </c:ext>
              </c:extLst>
            </c:dLbl>
            <c:dLbl>
              <c:idx val="2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6A8D-4D7B-BF22-0C366C64F143}"/>
                </c:ext>
              </c:extLst>
            </c:dLbl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6A8D-4D7B-BF22-0C366C64F14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[Results LCA - Diesel.xlsx]GWP'!$F$4:$L$4</c:f>
              <c:strCache>
                <c:ptCount val="7"/>
                <c:pt idx="0">
                  <c:v>Diesel Boats</c:v>
                </c:pt>
                <c:pt idx="1">
                  <c:v>Chemicals and veterinary treatment</c:v>
                </c:pt>
                <c:pt idx="2">
                  <c:v>Smolt Production</c:v>
                </c:pt>
                <c:pt idx="3">
                  <c:v>Transport</c:v>
                </c:pt>
                <c:pt idx="4">
                  <c:v>Plastic</c:v>
                </c:pt>
                <c:pt idx="5">
                  <c:v>Other materials </c:v>
                </c:pt>
                <c:pt idx="6">
                  <c:v>Energy</c:v>
                </c:pt>
              </c:strCache>
            </c:strRef>
          </c:cat>
          <c:val>
            <c:numRef>
              <c:f>'[Results LCA - Diesel.xlsx]GWP'!$F$6:$L$6</c:f>
              <c:numCache>
                <c:formatCode>0.000</c:formatCode>
                <c:ptCount val="7"/>
                <c:pt idx="0">
                  <c:v>0.15618594999999999</c:v>
                </c:pt>
                <c:pt idx="1">
                  <c:v>1.2354658000000001E-3</c:v>
                </c:pt>
                <c:pt idx="2">
                  <c:v>2.414237E-2</c:v>
                </c:pt>
                <c:pt idx="3">
                  <c:v>1.019506754E-2</c:v>
                </c:pt>
                <c:pt idx="4">
                  <c:v>0.116291092</c:v>
                </c:pt>
                <c:pt idx="5">
                  <c:v>6.8793596905000004E-2</c:v>
                </c:pt>
                <c:pt idx="6">
                  <c:v>0.189931419999999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6A8D-4D7B-BF22-0C366C64F143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/>
              <a:t>OFFSHORE</a:t>
            </a:r>
          </a:p>
        </c:rich>
      </c:tx>
      <c:layout>
        <c:manualLayout>
          <c:xMode val="edge"/>
          <c:yMode val="edge"/>
          <c:x val="0.38173300225976109"/>
          <c:y val="0.42422755452849537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20260139431156662"/>
          <c:y val="1.8771412985404286E-3"/>
          <c:w val="0.54636980567820936"/>
          <c:h val="0.96022319058430883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0C43-471F-B2B0-D0DF71C12ED7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3-0C43-471F-B2B0-D0DF71C12ED7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5-0C43-471F-B2B0-D0DF71C12ED7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7-0C43-471F-B2B0-D0DF71C12ED7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9-0C43-471F-B2B0-D0DF71C12ED7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B-0C43-471F-B2B0-D0DF71C12ED7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D-0C43-471F-B2B0-D0DF71C12ED7}"/>
              </c:ext>
            </c:extLst>
          </c:dPt>
          <c:dLbls>
            <c:dLbl>
              <c:idx val="0"/>
              <c:layout>
                <c:manualLayout>
                  <c:x val="-1.186443294206008E-2"/>
                  <c:y val="5.2695922169573297E-4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0C43-471F-B2B0-D0DF71C12ED7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0C43-471F-B2B0-D0DF71C12ED7}"/>
                </c:ext>
              </c:extLst>
            </c:dLbl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0C43-471F-B2B0-D0DF71C12ED7}"/>
                </c:ext>
              </c:extLst>
            </c:dLbl>
            <c:dLbl>
              <c:idx val="4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0C43-471F-B2B0-D0DF71C12ED7}"/>
                </c:ext>
              </c:extLst>
            </c:dLbl>
            <c:dLbl>
              <c:idx val="6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0C43-471F-B2B0-D0DF71C12ED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[Results LCA - Diesel.xlsx]GWP'!$F$4:$L$4</c:f>
              <c:strCache>
                <c:ptCount val="7"/>
                <c:pt idx="0">
                  <c:v>Diesel Boats</c:v>
                </c:pt>
                <c:pt idx="1">
                  <c:v>Chemicals and veterinary treatment</c:v>
                </c:pt>
                <c:pt idx="2">
                  <c:v>Smolt Production</c:v>
                </c:pt>
                <c:pt idx="3">
                  <c:v>Transport</c:v>
                </c:pt>
                <c:pt idx="4">
                  <c:v>Plastic</c:v>
                </c:pt>
                <c:pt idx="5">
                  <c:v>Other materials </c:v>
                </c:pt>
                <c:pt idx="6">
                  <c:v>Energy</c:v>
                </c:pt>
              </c:strCache>
            </c:strRef>
          </c:cat>
          <c:val>
            <c:numRef>
              <c:f>'[Results LCA - Diesel.xlsx]GWP'!$F$8:$L$8</c:f>
              <c:numCache>
                <c:formatCode>0.000</c:formatCode>
                <c:ptCount val="7"/>
                <c:pt idx="0">
                  <c:v>0.52409062100000003</c:v>
                </c:pt>
                <c:pt idx="1">
                  <c:v>4.9632523000000001E-3</c:v>
                </c:pt>
                <c:pt idx="2">
                  <c:v>5.4829052000000003E-2</c:v>
                </c:pt>
                <c:pt idx="3">
                  <c:v>1.2858381799999999E-2</c:v>
                </c:pt>
                <c:pt idx="4">
                  <c:v>7.1068757000000001E-3</c:v>
                </c:pt>
                <c:pt idx="5">
                  <c:v>5.9888287999999998E-2</c:v>
                </c:pt>
                <c:pt idx="6">
                  <c:v>2.74975E-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64D-41CB-BE8B-9A57206982A2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/>
              <a:t>SEMI-</a:t>
            </a:r>
            <a:r>
              <a:rPr lang="en-GB" err="1"/>
              <a:t>lukket</a:t>
            </a:r>
            <a:endParaRPr lang="en-GB"/>
          </a:p>
          <a:p>
            <a:pPr>
              <a:defRPr/>
            </a:pPr>
            <a:r>
              <a:rPr lang="en-GB"/>
              <a:t>/</a:t>
            </a:r>
            <a:r>
              <a:rPr lang="en-GB" err="1"/>
              <a:t>lukket</a:t>
            </a:r>
            <a:r>
              <a:rPr lang="en-GB"/>
              <a:t> </a:t>
            </a:r>
          </a:p>
        </c:rich>
      </c:tx>
      <c:layout>
        <c:manualLayout>
          <c:xMode val="edge"/>
          <c:yMode val="edge"/>
          <c:x val="0.36916025224212329"/>
          <c:y val="0.42065935410210409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20232597193445354"/>
          <c:y val="1.174406501175557E-2"/>
          <c:w val="0.63048839416158375"/>
          <c:h val="0.92175142634454799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1C0A-4788-BB9E-6D4A8DA6D486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3-1C0A-4788-BB9E-6D4A8DA6D486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5-1C0A-4788-BB9E-6D4A8DA6D486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7-1C0A-4788-BB9E-6D4A8DA6D486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9-1C0A-4788-BB9E-6D4A8DA6D486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B-1C0A-4788-BB9E-6D4A8DA6D486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D-1C0A-4788-BB9E-6D4A8DA6D486}"/>
              </c:ext>
            </c:extLst>
          </c:dPt>
          <c:dLbls>
            <c:dLbl>
              <c:idx val="0"/>
              <c:layout>
                <c:manualLayout>
                  <c:x val="-8.9158991974228174E-3"/>
                  <c:y val="-1.1471189220536799E-2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1C0A-4788-BB9E-6D4A8DA6D486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1C0A-4788-BB9E-6D4A8DA6D486}"/>
                </c:ext>
              </c:extLst>
            </c:dLbl>
            <c:dLbl>
              <c:idx val="2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1C0A-4788-BB9E-6D4A8DA6D486}"/>
                </c:ext>
              </c:extLst>
            </c:dLbl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1C0A-4788-BB9E-6D4A8DA6D486}"/>
                </c:ext>
              </c:extLst>
            </c:dLbl>
            <c:dLbl>
              <c:idx val="6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1C0A-4788-BB9E-6D4A8DA6D48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[Results LCA - Diesel.xlsx]GWP'!$F$4:$L$4</c:f>
              <c:strCache>
                <c:ptCount val="7"/>
                <c:pt idx="0">
                  <c:v>Diesel Boats</c:v>
                </c:pt>
                <c:pt idx="1">
                  <c:v>Chemicals and veterinary treatment</c:v>
                </c:pt>
                <c:pt idx="2">
                  <c:v>Smolt Production</c:v>
                </c:pt>
                <c:pt idx="3">
                  <c:v>Transport</c:v>
                </c:pt>
                <c:pt idx="4">
                  <c:v>Plastic</c:v>
                </c:pt>
                <c:pt idx="5">
                  <c:v>Other materials </c:v>
                </c:pt>
                <c:pt idx="6">
                  <c:v>Energy</c:v>
                </c:pt>
              </c:strCache>
            </c:strRef>
          </c:cat>
          <c:val>
            <c:numRef>
              <c:f>'[Results LCA - Diesel.xlsx]GWP'!$F$10:$L$10</c:f>
              <c:numCache>
                <c:formatCode>0.000</c:formatCode>
                <c:ptCount val="7"/>
                <c:pt idx="0">
                  <c:v>0.2950179</c:v>
                </c:pt>
                <c:pt idx="1">
                  <c:v>9.0009490000000011E-3</c:v>
                </c:pt>
                <c:pt idx="2">
                  <c:v>1.7749684000000002E-2</c:v>
                </c:pt>
                <c:pt idx="3">
                  <c:v>1.8156136E-3</c:v>
                </c:pt>
                <c:pt idx="4">
                  <c:v>0.13327470699999999</c:v>
                </c:pt>
                <c:pt idx="5">
                  <c:v>0.11955481171240001</c:v>
                </c:pt>
                <c:pt idx="6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1C0A-4788-BB9E-6D4A8DA6D486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3200" b="0" i="0" u="none" strike="noStrike" kern="1200" spc="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C$2</c:f>
              <c:strCache>
                <c:ptCount val="1"/>
                <c:pt idx="0">
                  <c:v>Scenario 1 - Nedgang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D5A-461F-AE26-B74E9E1519C1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D5A-461F-AE26-B74E9E1519C1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D5A-461F-AE26-B74E9E1519C1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D5A-461F-AE26-B74E9E1519C1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ED5A-461F-AE26-B74E9E1519C1}"/>
              </c:ext>
            </c:extLst>
          </c:dPt>
          <c:cat>
            <c:strRef>
              <c:f>Sheet1!$B$3:$B$7</c:f>
              <c:strCache>
                <c:ptCount val="5"/>
                <c:pt idx="0">
                  <c:v>Tradisjonell</c:v>
                </c:pt>
                <c:pt idx="1">
                  <c:v>Nedsenkbar </c:v>
                </c:pt>
                <c:pt idx="2">
                  <c:v>Semi-lukket/lukket</c:v>
                </c:pt>
                <c:pt idx="3">
                  <c:v>Landbasert</c:v>
                </c:pt>
                <c:pt idx="4">
                  <c:v>Offshore/ eksponert </c:v>
                </c:pt>
              </c:strCache>
            </c:strRef>
          </c:cat>
          <c:val>
            <c:numRef>
              <c:f>Sheet1!$C$3:$C$7</c:f>
              <c:numCache>
                <c:formatCode>0%</c:formatCode>
                <c:ptCount val="5"/>
                <c:pt idx="0">
                  <c:v>0.83</c:v>
                </c:pt>
                <c:pt idx="1">
                  <c:v>0.05</c:v>
                </c:pt>
                <c:pt idx="2">
                  <c:v>0.05</c:v>
                </c:pt>
                <c:pt idx="3">
                  <c:v>0.05</c:v>
                </c:pt>
                <c:pt idx="4">
                  <c:v>0.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ED5A-461F-AE26-B74E9E1519C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3200" b="0" i="0" u="none" strike="noStrike" kern="1200" spc="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r>
              <a:rPr lang="en-US" sz="3200">
                <a:solidFill>
                  <a:sysClr val="windowText" lastClr="000000"/>
                </a:solidFill>
              </a:rPr>
              <a:t>Scenario 2 - Stabilisering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3200" b="0" i="0" u="none" strike="noStrike" kern="1200" spc="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D$2</c:f>
              <c:strCache>
                <c:ptCount val="1"/>
                <c:pt idx="0">
                  <c:v>Scenario 2 - Stabilisering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DE35-4E2C-8F63-A04C1D75F036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DE35-4E2C-8F63-A04C1D75F036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DE35-4E2C-8F63-A04C1D75F036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DE35-4E2C-8F63-A04C1D75F036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DE35-4E2C-8F63-A04C1D75F036}"/>
              </c:ext>
            </c:extLst>
          </c:dPt>
          <c:cat>
            <c:strRef>
              <c:f>Sheet1!$B$3:$B$7</c:f>
              <c:strCache>
                <c:ptCount val="5"/>
                <c:pt idx="0">
                  <c:v>Tradisjonell</c:v>
                </c:pt>
                <c:pt idx="1">
                  <c:v>Nedsenkbar </c:v>
                </c:pt>
                <c:pt idx="2">
                  <c:v>Semi-lukket/lukket</c:v>
                </c:pt>
                <c:pt idx="3">
                  <c:v>Landbasert</c:v>
                </c:pt>
                <c:pt idx="4">
                  <c:v>Offshore/ eksponert </c:v>
                </c:pt>
              </c:strCache>
            </c:strRef>
          </c:cat>
          <c:val>
            <c:numRef>
              <c:f>Sheet1!$D$3:$D$7</c:f>
              <c:numCache>
                <c:formatCode>0%</c:formatCode>
                <c:ptCount val="5"/>
                <c:pt idx="0">
                  <c:v>0.5</c:v>
                </c:pt>
                <c:pt idx="1">
                  <c:v>0.15</c:v>
                </c:pt>
                <c:pt idx="2">
                  <c:v>0.15</c:v>
                </c:pt>
                <c:pt idx="3">
                  <c:v>0.1</c:v>
                </c:pt>
                <c:pt idx="4">
                  <c:v>0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DE35-4E2C-8F63-A04C1D75F03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algn="ctr" rtl="0">
            <a:defRPr lang="en-US" sz="3200" b="0" i="0" u="none" strike="noStrike" kern="1200" spc="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E$2</c:f>
              <c:strCache>
                <c:ptCount val="1"/>
                <c:pt idx="0">
                  <c:v>Scenario 3 –Økning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04E-4E83-80E8-9C57CBB4280C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04E-4E83-80E8-9C57CBB4280C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04E-4E83-80E8-9C57CBB4280C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04E-4E83-80E8-9C57CBB4280C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E04E-4E83-80E8-9C57CBB4280C}"/>
              </c:ext>
            </c:extLst>
          </c:dPt>
          <c:cat>
            <c:strRef>
              <c:f>Sheet1!$B$3:$B$7</c:f>
              <c:strCache>
                <c:ptCount val="5"/>
                <c:pt idx="0">
                  <c:v>Tradisjonell</c:v>
                </c:pt>
                <c:pt idx="1">
                  <c:v>Nedsenkbar </c:v>
                </c:pt>
                <c:pt idx="2">
                  <c:v>Semi-lukket/lukket</c:v>
                </c:pt>
                <c:pt idx="3">
                  <c:v>Landbasert</c:v>
                </c:pt>
                <c:pt idx="4">
                  <c:v>Offshore/ eksponert </c:v>
                </c:pt>
              </c:strCache>
            </c:strRef>
          </c:cat>
          <c:val>
            <c:numRef>
              <c:f>Sheet1!$E$3:$E$7</c:f>
              <c:numCache>
                <c:formatCode>0%</c:formatCode>
                <c:ptCount val="5"/>
                <c:pt idx="0">
                  <c:v>0.15</c:v>
                </c:pt>
                <c:pt idx="1">
                  <c:v>0.15</c:v>
                </c:pt>
                <c:pt idx="2">
                  <c:v>0.3</c:v>
                </c:pt>
                <c:pt idx="3">
                  <c:v>0.1</c:v>
                </c:pt>
                <c:pt idx="4">
                  <c:v>0.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E04E-4E83-80E8-9C57CBB4280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"/>
          <c:y val="0.76078147509293481"/>
          <c:w val="1"/>
          <c:h val="0.2346037149140194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algn="just">
            <a:defRPr lang="en-US" sz="28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  <c:userShapes r:id="rId5"/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nb-NO" sz="1800" b="1"/>
              <a:t>Klimafotavtrykk for drift</a:t>
            </a:r>
            <a:r>
              <a:rPr lang="nb-NO" sz="1800" b="1" baseline="0"/>
              <a:t> av nye produksjonsformer </a:t>
            </a:r>
            <a:endParaRPr lang="nb-NO" sz="1800" b="1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Figurer_ppt_scenario!$B$6</c:f>
              <c:strCache>
                <c:ptCount val="1"/>
                <c:pt idx="0">
                  <c:v>Tradisjonel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6:$I$6</c:f>
              <c:numCache>
                <c:formatCode>0</c:formatCode>
                <c:ptCount val="7"/>
                <c:pt idx="0">
                  <c:v>1030.74116301959</c:v>
                </c:pt>
                <c:pt idx="1">
                  <c:v>712.92930442188594</c:v>
                </c:pt>
                <c:pt idx="2">
                  <c:v>259.452393856394</c:v>
                </c:pt>
                <c:pt idx="3">
                  <c:v>536.84435573937196</c:v>
                </c:pt>
                <c:pt idx="4">
                  <c:v>195.37077850632102</c:v>
                </c:pt>
                <c:pt idx="5">
                  <c:v>322.10661344362302</c:v>
                </c:pt>
                <c:pt idx="6">
                  <c:v>117.22246710379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CD2-4F1E-90C3-8047DF866608}"/>
            </c:ext>
          </c:extLst>
        </c:ser>
        <c:ser>
          <c:idx val="1"/>
          <c:order val="1"/>
          <c:tx>
            <c:strRef>
              <c:f>Figurer_ppt_scenario!$B$7</c:f>
              <c:strCache>
                <c:ptCount val="1"/>
                <c:pt idx="0">
                  <c:v>Nedsenkba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7:$I$7</c:f>
              <c:numCache>
                <c:formatCode>0</c:formatCode>
                <c:ptCount val="7"/>
                <c:pt idx="0">
                  <c:v>9.3507221247152508</c:v>
                </c:pt>
                <c:pt idx="1">
                  <c:v>37.402888498861003</c:v>
                </c:pt>
                <c:pt idx="2">
                  <c:v>14.350607044274799</c:v>
                </c:pt>
                <c:pt idx="3">
                  <c:v>140.26083187072899</c:v>
                </c:pt>
                <c:pt idx="4">
                  <c:v>53.814776416030398</c:v>
                </c:pt>
                <c:pt idx="5">
                  <c:v>280.52166374145696</c:v>
                </c:pt>
                <c:pt idx="6">
                  <c:v>107.629552832060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CD2-4F1E-90C3-8047DF866608}"/>
            </c:ext>
          </c:extLst>
        </c:ser>
        <c:ser>
          <c:idx val="2"/>
          <c:order val="2"/>
          <c:tx>
            <c:strRef>
              <c:f>Figurer_ppt_scenario!$B$8</c:f>
              <c:strCache>
                <c:ptCount val="1"/>
                <c:pt idx="0">
                  <c:v>Lukket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8:$I$8</c:f>
              <c:numCache>
                <c:formatCode>0</c:formatCode>
                <c:ptCount val="7"/>
                <c:pt idx="1">
                  <c:v>16.841801089128403</c:v>
                </c:pt>
                <c:pt idx="2">
                  <c:v>8.0249709462274001</c:v>
                </c:pt>
                <c:pt idx="3">
                  <c:v>63.156754084231601</c:v>
                </c:pt>
                <c:pt idx="4">
                  <c:v>30.093641048352801</c:v>
                </c:pt>
                <c:pt idx="5">
                  <c:v>252.627016336926</c:v>
                </c:pt>
                <c:pt idx="6">
                  <c:v>120.374564193410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CD2-4F1E-90C3-8047DF866608}"/>
            </c:ext>
          </c:extLst>
        </c:ser>
        <c:ser>
          <c:idx val="3"/>
          <c:order val="3"/>
          <c:tx>
            <c:strRef>
              <c:f>Figurer_ppt_scenario!$B$9</c:f>
              <c:strCache>
                <c:ptCount val="1"/>
                <c:pt idx="0">
                  <c:v>Semi-lukket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9:$I$9</c:f>
              <c:numCache>
                <c:formatCode>0</c:formatCode>
                <c:ptCount val="7"/>
                <c:pt idx="0">
                  <c:v>8.6193627356760505</c:v>
                </c:pt>
                <c:pt idx="1">
                  <c:v>17.238725471352101</c:v>
                </c:pt>
                <c:pt idx="2">
                  <c:v>6.0748951470397197</c:v>
                </c:pt>
                <c:pt idx="3">
                  <c:v>64.645220517570394</c:v>
                </c:pt>
                <c:pt idx="4">
                  <c:v>22.780856801399</c:v>
                </c:pt>
                <c:pt idx="5">
                  <c:v>258.58088207028203</c:v>
                </c:pt>
                <c:pt idx="6">
                  <c:v>91.1234272055959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0CD2-4F1E-90C3-8047DF866608}"/>
            </c:ext>
          </c:extLst>
        </c:ser>
        <c:ser>
          <c:idx val="4"/>
          <c:order val="4"/>
          <c:tx>
            <c:strRef>
              <c:f>Figurer_ppt_scenario!$B$10</c:f>
              <c:strCache>
                <c:ptCount val="1"/>
                <c:pt idx="0">
                  <c:v>Landbasert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10:$I$10</c:f>
              <c:numCache>
                <c:formatCode>0</c:formatCode>
                <c:ptCount val="7"/>
                <c:pt idx="0">
                  <c:v>5.5400157105869905</c:v>
                </c:pt>
                <c:pt idx="1">
                  <c:v>44.320125684695995</c:v>
                </c:pt>
                <c:pt idx="2">
                  <c:v>23.292162959025902</c:v>
                </c:pt>
                <c:pt idx="3">
                  <c:v>110.80031421174</c:v>
                </c:pt>
                <c:pt idx="4">
                  <c:v>58.230407397564797</c:v>
                </c:pt>
                <c:pt idx="5">
                  <c:v>221.60062842348</c:v>
                </c:pt>
                <c:pt idx="6">
                  <c:v>116.46081479513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0CD2-4F1E-90C3-8047DF866608}"/>
            </c:ext>
          </c:extLst>
        </c:ser>
        <c:ser>
          <c:idx val="5"/>
          <c:order val="5"/>
          <c:tx>
            <c:strRef>
              <c:f>Figurer_ppt_scenario!$B$11</c:f>
              <c:strCache>
                <c:ptCount val="1"/>
                <c:pt idx="0">
                  <c:v>Offshore/eksponert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11:$I$11</c:f>
              <c:numCache>
                <c:formatCode>0</c:formatCode>
                <c:ptCount val="7"/>
                <c:pt idx="0">
                  <c:v>27.190803217859699</c:v>
                </c:pt>
                <c:pt idx="1">
                  <c:v>29.003523432383702</c:v>
                </c:pt>
                <c:pt idx="2">
                  <c:v>14.112698811218801</c:v>
                </c:pt>
                <c:pt idx="3">
                  <c:v>181.27202145239801</c:v>
                </c:pt>
                <c:pt idx="4">
                  <c:v>88.204367570117796</c:v>
                </c:pt>
                <c:pt idx="5">
                  <c:v>1087.6321287143901</c:v>
                </c:pt>
                <c:pt idx="6">
                  <c:v>529.226205420706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0CD2-4F1E-90C3-8047DF86660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487856216"/>
        <c:axId val="1487859096"/>
      </c:barChart>
      <c:catAx>
        <c:axId val="14878562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87859096"/>
        <c:crosses val="autoZero"/>
        <c:auto val="1"/>
        <c:lblAlgn val="ctr"/>
        <c:lblOffset val="100"/>
        <c:noMultiLvlLbl val="0"/>
      </c:catAx>
      <c:valAx>
        <c:axId val="148785909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2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nb-NO" sz="2000"/>
                  <a:t>Kilotonn</a:t>
                </a:r>
                <a:r>
                  <a:rPr lang="nb-NO" sz="2000" baseline="0"/>
                  <a:t> CO</a:t>
                </a:r>
                <a:r>
                  <a:rPr lang="nb-NO" sz="2000" baseline="-25000"/>
                  <a:t>2</a:t>
                </a:r>
                <a:r>
                  <a:rPr lang="nb-NO" sz="2000" baseline="0"/>
                  <a:t> ekv.</a:t>
                </a:r>
                <a:endParaRPr lang="nb-NO" sz="2000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2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87856216"/>
        <c:crosses val="autoZero"/>
        <c:crossBetween val="between"/>
      </c:valAx>
      <c:spPr>
        <a:noFill/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  <c:userShapes r:id="rId5"/>
</c:chartSpace>
</file>

<file path=ppt/charts/chartEx1.xml><?xml version="1.0" encoding="utf-8"?>
<cx:chartSpace xmlns:a="http://schemas.openxmlformats.org/drawingml/2006/main" xmlns:r="http://schemas.openxmlformats.org/officeDocument/2006/relationships" xmlns:cx="http://schemas.microsoft.com/office/drawing/2014/chartex">
  <cx:chart>
    <cx:plotArea>
      <cx:plotAreaRegion/>
    </cx:plotArea>
  </cx:chart>
  <cx:spPr>
    <a:ln>
      <a:noFill/>
    </a:ln>
    <a:effectLst>
      <a:outerShdw blurRad="50800" dist="38100" dir="5400000" algn="t" rotWithShape="0">
        <a:prstClr val="black">
          <a:alpha val="40000"/>
        </a:prstClr>
      </a:outerShdw>
    </a:effectLst>
  </cx:spPr>
</cx:chartSpace>
</file>

<file path=ppt/charts/chartEx2.xml><?xml version="1.0" encoding="utf-8"?>
<cx:chartSpace xmlns:a="http://schemas.openxmlformats.org/drawingml/2006/main" xmlns:r="http://schemas.openxmlformats.org/officeDocument/2006/relationships" xmlns:cx="http://schemas.microsoft.com/office/drawing/2014/chartex">
  <cx:chartData>
    <cx:externalData r:id="rId1" cx:autoUpdate="0"/>
    <cx:data id="0">
      <cx:strDim type="cat">
        <cx:f dir="row">'Uppräkning 2020'!$R$2:$U$2</cx:f>
        <cx:lvl ptCount="4">
          <cx:pt idx="0">Fôrforbruk (45%)</cx:pt>
          <cx:pt idx="1">Growout (13%)</cx:pt>
          <cx:pt idx="2">Transport (35%)</cx:pt>
          <cx:pt idx="3">Annet (7%) </cx:pt>
        </cx:lvl>
      </cx:strDim>
      <cx:numDim type="size">
        <cx:f dir="row">'Uppräkning 2020'!$R$17:$U$17</cx:f>
        <cx:lvl ptCount="4" formatCode="0">
          <cx:pt idx="0">2352665.907734294</cx:pt>
          <cx:pt idx="1">673973.81411577633</cx:pt>
          <cx:pt idx="2">1809868.2437986387</cx:pt>
          <cx:pt idx="3">354296.9715187457</cx:pt>
        </cx:lvl>
      </cx:numDim>
    </cx:data>
  </cx:chartData>
  <cx:chart>
    <cx:plotArea>
      <cx:plotAreaRegion>
        <cx:series layoutId="treemap" uniqueId="{A2FDB10D-9667-4A5C-9A90-4BA510ECB5CC}">
          <cx:spPr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cx:spPr>
          <cx:dataLabels>
            <cx:txPr>
              <a:bodyPr vertOverflow="overflow" horzOverflow="overflow" wrap="square" lIns="0" tIns="0" rIns="0" bIns="0"/>
              <a:lstStyle/>
              <a:p>
                <a:pPr algn="ctr" rtl="0">
                  <a:defRPr sz="2000" b="1" i="0">
                    <a:solidFill>
                      <a:schemeClr val="bg1"/>
                    </a:solidFill>
                    <a:latin typeface="Calibri" panose="020F0502020204030204" pitchFamily="34" charset="0"/>
                    <a:ea typeface="Calibri" panose="020F0502020204030204" pitchFamily="34" charset="0"/>
                    <a:cs typeface="Calibri" panose="020F0502020204030204" pitchFamily="34" charset="0"/>
                  </a:defRPr>
                </a:pPr>
                <a:endParaRPr lang="sv-SE" sz="2000" b="1">
                  <a:solidFill>
                    <a:schemeClr val="bg1"/>
                  </a:solidFill>
                </a:endParaRPr>
              </a:p>
            </cx:txPr>
          </cx:dataLabels>
          <cx:dataId val="0"/>
          <cx:layoutPr/>
        </cx:series>
      </cx:plotAreaRegion>
    </cx:plotArea>
  </cx:chart>
  <cx:spPr>
    <a:ln>
      <a:noFill/>
    </a:ln>
  </cx:spPr>
  <cx:clrMapOvr bg1="lt1" tx1="dk1" bg2="lt2" tx2="dk2" accent1="accent1" accent2="accent2" accent3="accent3" accent4="accent4" accent5="accent5" accent6="accent6" hlink="hlink" folHlink="folHlink"/>
</cx:chartSpace>
</file>

<file path=ppt/charts/colors1.xml><?xml version="1.0" encoding="utf-8"?>
<cs:colorStyle xmlns:cs="http://schemas.microsoft.com/office/drawing/2012/chartStyle" xmlns:a="http://schemas.openxmlformats.org/drawingml/2006/main" meth="cycle" id="12">
  <a:schemeClr val="accent2"/>
  <a:schemeClr val="accent4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3BF9CCB-FBC4-4912-B5D8-582956C8C111}" type="doc">
      <dgm:prSet loTypeId="urn:microsoft.com/office/officeart/2011/layout/CircleProcess" loCatId="process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nb-NO"/>
        </a:p>
      </dgm:t>
    </dgm:pt>
    <dgm:pt modelId="{CB73B8BA-188F-4B62-8E6D-FC6DCCB4CFEA}">
      <dgm:prSet phldrT="[Text]" custT="1"/>
      <dgm:spPr>
        <a:xfrm>
          <a:off x="591819" y="1089094"/>
          <a:ext cx="2136744" cy="2136517"/>
        </a:xfrm>
      </dgm:spPr>
      <dgm:t>
        <a:bodyPr/>
        <a:lstStyle/>
        <a:p>
          <a:pPr>
            <a:buNone/>
          </a:pPr>
          <a:r>
            <a:rPr lang="nb-NO" sz="2000">
              <a:latin typeface="Calibri"/>
              <a:ea typeface="+mn-ea"/>
              <a:cs typeface="+mn-cs"/>
            </a:rPr>
            <a:t>Måle-indikatorer for økonomisk, sosial og miljømessig bærekraft  </a:t>
          </a:r>
        </a:p>
      </dgm:t>
    </dgm:pt>
    <dgm:pt modelId="{1DA7CB67-2D09-4154-82B8-79E3B68AB5FF}" type="parTrans" cxnId="{92DEA46B-3DA3-4705-ACEA-B2509580BE58}">
      <dgm:prSet/>
      <dgm:spPr/>
      <dgm:t>
        <a:bodyPr/>
        <a:lstStyle/>
        <a:p>
          <a:endParaRPr lang="nb-NO" sz="2800"/>
        </a:p>
      </dgm:t>
    </dgm:pt>
    <dgm:pt modelId="{CE17000F-5699-4333-81FB-7E0068481F34}" type="sibTrans" cxnId="{92DEA46B-3DA3-4705-ACEA-B2509580BE58}">
      <dgm:prSet/>
      <dgm:spPr/>
      <dgm:t>
        <a:bodyPr/>
        <a:lstStyle/>
        <a:p>
          <a:endParaRPr lang="nb-NO" sz="2800"/>
        </a:p>
      </dgm:t>
    </dgm:pt>
    <dgm:pt modelId="{82AEFDC5-676C-4979-A82B-03FD29091EC3}">
      <dgm:prSet phldrT="[Text]" custT="1"/>
      <dgm:spPr>
        <a:xfrm>
          <a:off x="2957287" y="1089094"/>
          <a:ext cx="2136744" cy="2136517"/>
        </a:xfrm>
      </dgm:spPr>
      <dgm:t>
        <a:bodyPr/>
        <a:lstStyle/>
        <a:p>
          <a:pPr>
            <a:buNone/>
          </a:pPr>
          <a:r>
            <a:rPr lang="nb-NO" sz="2000">
              <a:latin typeface="Calibri"/>
              <a:ea typeface="+mn-ea"/>
              <a:cs typeface="+mn-cs"/>
            </a:rPr>
            <a:t>Scenarier frem mot 2050</a:t>
          </a:r>
        </a:p>
      </dgm:t>
    </dgm:pt>
    <dgm:pt modelId="{AFA7A3BD-C4A2-4195-9A3A-8A42FD6CBFAE}" type="parTrans" cxnId="{7206FD57-80CA-44C6-BAD8-A0EA7F9C06D4}">
      <dgm:prSet/>
      <dgm:spPr/>
      <dgm:t>
        <a:bodyPr/>
        <a:lstStyle/>
        <a:p>
          <a:endParaRPr lang="nb-NO" sz="2800"/>
        </a:p>
      </dgm:t>
    </dgm:pt>
    <dgm:pt modelId="{D93382CA-1C47-47F0-86B9-A8B9CA42140D}" type="sibTrans" cxnId="{7206FD57-80CA-44C6-BAD8-A0EA7F9C06D4}">
      <dgm:prSet/>
      <dgm:spPr/>
      <dgm:t>
        <a:bodyPr/>
        <a:lstStyle/>
        <a:p>
          <a:endParaRPr lang="nb-NO" sz="2800"/>
        </a:p>
      </dgm:t>
    </dgm:pt>
    <dgm:pt modelId="{985A4167-076F-48B0-98B1-CA7DEB7A1DEA}">
      <dgm:prSet phldrT="[Text]" custT="1"/>
      <dgm:spPr>
        <a:xfrm>
          <a:off x="5322756" y="1089094"/>
          <a:ext cx="2136744" cy="2136517"/>
        </a:xfrm>
      </dgm:spPr>
      <dgm:t>
        <a:bodyPr/>
        <a:lstStyle/>
        <a:p>
          <a:pPr>
            <a:buNone/>
          </a:pPr>
          <a:r>
            <a:rPr lang="nb-NO" sz="2000">
              <a:latin typeface="Calibri"/>
              <a:ea typeface="+mn-ea"/>
              <a:cs typeface="+mn-cs"/>
            </a:rPr>
            <a:t>Helhetlig måling av bærekraft</a:t>
          </a:r>
        </a:p>
      </dgm:t>
    </dgm:pt>
    <dgm:pt modelId="{DEC868D7-52ED-4C20-AEAF-B73DABD57C65}" type="parTrans" cxnId="{D3E90785-C4C3-44C8-A538-132BD0C30296}">
      <dgm:prSet/>
      <dgm:spPr/>
      <dgm:t>
        <a:bodyPr/>
        <a:lstStyle/>
        <a:p>
          <a:endParaRPr lang="nb-NO" sz="2800"/>
        </a:p>
      </dgm:t>
    </dgm:pt>
    <dgm:pt modelId="{A454BCDB-A32D-4581-A643-8D20C3383EB7}" type="sibTrans" cxnId="{D3E90785-C4C3-44C8-A538-132BD0C30296}">
      <dgm:prSet/>
      <dgm:spPr/>
      <dgm:t>
        <a:bodyPr/>
        <a:lstStyle/>
        <a:p>
          <a:endParaRPr lang="nb-NO" sz="2800"/>
        </a:p>
      </dgm:t>
    </dgm:pt>
    <dgm:pt modelId="{6F2DB8D1-1D40-4449-9028-FD1BBDEBBE50}">
      <dgm:prSet custT="1"/>
      <dgm:spPr/>
      <dgm:t>
        <a:bodyPr/>
        <a:lstStyle/>
        <a:p>
          <a:r>
            <a:rPr lang="nb-NO" sz="2000"/>
            <a:t>Miljøfotavtrykk-analyser</a:t>
          </a:r>
        </a:p>
      </dgm:t>
    </dgm:pt>
    <dgm:pt modelId="{2A2027FC-C3C8-480D-A513-1215E3974168}" type="parTrans" cxnId="{129520E6-B8A9-4319-B4B8-E2D732546456}">
      <dgm:prSet/>
      <dgm:spPr/>
      <dgm:t>
        <a:bodyPr/>
        <a:lstStyle/>
        <a:p>
          <a:endParaRPr lang="nb-NO" sz="2400"/>
        </a:p>
      </dgm:t>
    </dgm:pt>
    <dgm:pt modelId="{D5E05259-C0CA-405D-BA38-B128FD00BDA6}" type="sibTrans" cxnId="{129520E6-B8A9-4319-B4B8-E2D732546456}">
      <dgm:prSet/>
      <dgm:spPr/>
      <dgm:t>
        <a:bodyPr/>
        <a:lstStyle/>
        <a:p>
          <a:endParaRPr lang="nb-NO" sz="2400"/>
        </a:p>
      </dgm:t>
    </dgm:pt>
    <dgm:pt modelId="{7CBFA569-2F7E-41E0-95FC-6DAFA8701CC3}" type="pres">
      <dgm:prSet presAssocID="{33BF9CCB-FBC4-4912-B5D8-582956C8C111}" presName="Name0" presStyleCnt="0">
        <dgm:presLayoutVars>
          <dgm:chMax val="11"/>
          <dgm:chPref val="11"/>
          <dgm:dir/>
          <dgm:resizeHandles/>
        </dgm:presLayoutVars>
      </dgm:prSet>
      <dgm:spPr/>
    </dgm:pt>
    <dgm:pt modelId="{748AB6F6-3E03-4A7A-A7A0-C731FF291F1C}" type="pres">
      <dgm:prSet presAssocID="{985A4167-076F-48B0-98B1-CA7DEB7A1DEA}" presName="Accent4" presStyleCnt="0"/>
      <dgm:spPr/>
    </dgm:pt>
    <dgm:pt modelId="{D3D6D1FC-15A3-4FC6-8E60-B01FF4C1796B}" type="pres">
      <dgm:prSet presAssocID="{985A4167-076F-48B0-98B1-CA7DEB7A1DEA}" presName="Accent" presStyleLbl="node1" presStyleIdx="0" presStyleCnt="4"/>
      <dgm:spPr>
        <a:xfrm>
          <a:off x="5246763" y="1012776"/>
          <a:ext cx="2288730" cy="2289154"/>
        </a:xfrm>
        <a:prstGeom prst="ellipse">
          <a:avLst/>
        </a:prstGeom>
      </dgm:spPr>
    </dgm:pt>
    <dgm:pt modelId="{94DB67C9-5DA3-411B-B99F-881697570A33}" type="pres">
      <dgm:prSet presAssocID="{985A4167-076F-48B0-98B1-CA7DEB7A1DEA}" presName="ParentBackground4" presStyleCnt="0"/>
      <dgm:spPr/>
    </dgm:pt>
    <dgm:pt modelId="{C98E1A42-00FE-476B-8CDE-500CD5AB3BBB}" type="pres">
      <dgm:prSet presAssocID="{985A4167-076F-48B0-98B1-CA7DEB7A1DEA}" presName="ParentBackground" presStyleLbl="fgAcc1" presStyleIdx="0" presStyleCnt="4"/>
      <dgm:spPr>
        <a:prstGeom prst="ellipse">
          <a:avLst/>
        </a:prstGeom>
      </dgm:spPr>
    </dgm:pt>
    <dgm:pt modelId="{C9D192D1-90D7-4D6F-A649-EEBAF1523336}" type="pres">
      <dgm:prSet presAssocID="{985A4167-076F-48B0-98B1-CA7DEB7A1DEA}" presName="Parent4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A2639E10-7A41-45DC-B630-46E1698BF47A}" type="pres">
      <dgm:prSet presAssocID="{82AEFDC5-676C-4979-A82B-03FD29091EC3}" presName="Accent3" presStyleCnt="0"/>
      <dgm:spPr/>
    </dgm:pt>
    <dgm:pt modelId="{56663872-3727-4B3D-B921-A0CA5ACA5A94}" type="pres">
      <dgm:prSet presAssocID="{82AEFDC5-676C-4979-A82B-03FD29091EC3}" presName="Accent" presStyleLbl="node1" presStyleIdx="1" presStyleCnt="4"/>
      <dgm:spPr>
        <a:xfrm rot="2700000">
          <a:off x="2884051" y="1015543"/>
          <a:ext cx="2283218" cy="2283218"/>
        </a:xfrm>
        <a:prstGeom prst="teardrop">
          <a:avLst>
            <a:gd name="adj" fmla="val 100000"/>
          </a:avLst>
        </a:prstGeom>
      </dgm:spPr>
    </dgm:pt>
    <dgm:pt modelId="{1CF2D1E7-9F7C-4176-8AB8-A5910D15BAEE}" type="pres">
      <dgm:prSet presAssocID="{82AEFDC5-676C-4979-A82B-03FD29091EC3}" presName="ParentBackground3" presStyleCnt="0"/>
      <dgm:spPr/>
    </dgm:pt>
    <dgm:pt modelId="{487426D9-3141-47F4-BCEB-C313FF08A4CA}" type="pres">
      <dgm:prSet presAssocID="{82AEFDC5-676C-4979-A82B-03FD29091EC3}" presName="ParentBackground" presStyleLbl="fgAcc1" presStyleIdx="1" presStyleCnt="4"/>
      <dgm:spPr>
        <a:prstGeom prst="ellipse">
          <a:avLst/>
        </a:prstGeom>
      </dgm:spPr>
    </dgm:pt>
    <dgm:pt modelId="{3206ADB6-5CFD-4364-9841-3FE7B133EED2}" type="pres">
      <dgm:prSet presAssocID="{82AEFDC5-676C-4979-A82B-03FD29091EC3}" presName="Parent3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881987BE-1049-4D63-B991-1FC97D323E8F}" type="pres">
      <dgm:prSet presAssocID="{6F2DB8D1-1D40-4449-9028-FD1BBDEBBE50}" presName="Accent2" presStyleCnt="0"/>
      <dgm:spPr/>
    </dgm:pt>
    <dgm:pt modelId="{2893B452-B45C-450F-90B7-90ED1906132D}" type="pres">
      <dgm:prSet presAssocID="{6F2DB8D1-1D40-4449-9028-FD1BBDEBBE50}" presName="Accent" presStyleLbl="node1" presStyleIdx="2" presStyleCnt="4"/>
      <dgm:spPr/>
    </dgm:pt>
    <dgm:pt modelId="{C1C6244C-C935-4178-AF12-ECCAFF200837}" type="pres">
      <dgm:prSet presAssocID="{6F2DB8D1-1D40-4449-9028-FD1BBDEBBE50}" presName="ParentBackground2" presStyleCnt="0"/>
      <dgm:spPr/>
    </dgm:pt>
    <dgm:pt modelId="{2467DF3C-D61D-4C9D-8B3E-B49E0547AC9F}" type="pres">
      <dgm:prSet presAssocID="{6F2DB8D1-1D40-4449-9028-FD1BBDEBBE50}" presName="ParentBackground" presStyleLbl="fgAcc1" presStyleIdx="2" presStyleCnt="4"/>
      <dgm:spPr/>
    </dgm:pt>
    <dgm:pt modelId="{DBDE90AD-B807-4961-831B-57B3AB29F8DC}" type="pres">
      <dgm:prSet presAssocID="{6F2DB8D1-1D40-4449-9028-FD1BBDEBBE50}" presName="Parent2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6A60C31E-FA90-47BD-9692-BA1CDF906484}" type="pres">
      <dgm:prSet presAssocID="{CB73B8BA-188F-4B62-8E6D-FC6DCCB4CFEA}" presName="Accent1" presStyleCnt="0"/>
      <dgm:spPr/>
    </dgm:pt>
    <dgm:pt modelId="{DE071DA1-175D-4E9F-9237-F9F2EE2481D5}" type="pres">
      <dgm:prSet presAssocID="{CB73B8BA-188F-4B62-8E6D-FC6DCCB4CFEA}" presName="Accent" presStyleLbl="node1" presStyleIdx="3" presStyleCnt="4"/>
      <dgm:spPr>
        <a:xfrm rot="2700000">
          <a:off x="518582" y="1015543"/>
          <a:ext cx="2283218" cy="2283218"/>
        </a:xfrm>
        <a:prstGeom prst="teardrop">
          <a:avLst>
            <a:gd name="adj" fmla="val 100000"/>
          </a:avLst>
        </a:prstGeom>
      </dgm:spPr>
    </dgm:pt>
    <dgm:pt modelId="{E4F0127E-5C34-4848-9868-058D8D4617C5}" type="pres">
      <dgm:prSet presAssocID="{CB73B8BA-188F-4B62-8E6D-FC6DCCB4CFEA}" presName="ParentBackground1" presStyleCnt="0"/>
      <dgm:spPr/>
    </dgm:pt>
    <dgm:pt modelId="{CDD20497-B499-4833-B1EC-D6DF14CD54A4}" type="pres">
      <dgm:prSet presAssocID="{CB73B8BA-188F-4B62-8E6D-FC6DCCB4CFEA}" presName="ParentBackground" presStyleLbl="fgAcc1" presStyleIdx="3" presStyleCnt="4"/>
      <dgm:spPr/>
    </dgm:pt>
    <dgm:pt modelId="{FB0B85DB-25B4-4633-95E3-DCFA7B16AE0D}" type="pres">
      <dgm:prSet presAssocID="{CB73B8BA-188F-4B62-8E6D-FC6DCCB4CFEA}" presName="Parent1" presStyleLbl="revTx" presStyleIdx="0" presStyleCnt="0">
        <dgm:presLayoutVars>
          <dgm:chMax val="1"/>
          <dgm:chPref val="1"/>
          <dgm:bulletEnabled val="1"/>
        </dgm:presLayoutVars>
      </dgm:prSet>
      <dgm:spPr/>
    </dgm:pt>
  </dgm:ptLst>
  <dgm:cxnLst>
    <dgm:cxn modelId="{8D502D06-D6BB-4E8D-A5A5-34A409B420CF}" type="presOf" srcId="{6F2DB8D1-1D40-4449-9028-FD1BBDEBBE50}" destId="{DBDE90AD-B807-4961-831B-57B3AB29F8DC}" srcOrd="1" destOrd="0" presId="urn:microsoft.com/office/officeart/2011/layout/CircleProcess"/>
    <dgm:cxn modelId="{9C595C0D-EB51-43E3-8484-CB359C916DA9}" type="presOf" srcId="{82AEFDC5-676C-4979-A82B-03FD29091EC3}" destId="{3206ADB6-5CFD-4364-9841-3FE7B133EED2}" srcOrd="1" destOrd="0" presId="urn:microsoft.com/office/officeart/2011/layout/CircleProcess"/>
    <dgm:cxn modelId="{180E8019-6BB8-4ED9-9B35-63B2082E2470}" type="presOf" srcId="{985A4167-076F-48B0-98B1-CA7DEB7A1DEA}" destId="{C9D192D1-90D7-4D6F-A649-EEBAF1523336}" srcOrd="1" destOrd="0" presId="urn:microsoft.com/office/officeart/2011/layout/CircleProcess"/>
    <dgm:cxn modelId="{F75E303C-FB4D-459D-974A-ED2DFDC18879}" type="presOf" srcId="{CB73B8BA-188F-4B62-8E6D-FC6DCCB4CFEA}" destId="{FB0B85DB-25B4-4633-95E3-DCFA7B16AE0D}" srcOrd="1" destOrd="0" presId="urn:microsoft.com/office/officeart/2011/layout/CircleProcess"/>
    <dgm:cxn modelId="{E36DF33F-D840-45A4-BFC3-600FD398EF3C}" type="presOf" srcId="{985A4167-076F-48B0-98B1-CA7DEB7A1DEA}" destId="{C98E1A42-00FE-476B-8CDE-500CD5AB3BBB}" srcOrd="0" destOrd="0" presId="urn:microsoft.com/office/officeart/2011/layout/CircleProcess"/>
    <dgm:cxn modelId="{E6D27948-3B41-44B8-8130-E679A7432294}" type="presOf" srcId="{6F2DB8D1-1D40-4449-9028-FD1BBDEBBE50}" destId="{2467DF3C-D61D-4C9D-8B3E-B49E0547AC9F}" srcOrd="0" destOrd="0" presId="urn:microsoft.com/office/officeart/2011/layout/CircleProcess"/>
    <dgm:cxn modelId="{92DEA46B-3DA3-4705-ACEA-B2509580BE58}" srcId="{33BF9CCB-FBC4-4912-B5D8-582956C8C111}" destId="{CB73B8BA-188F-4B62-8E6D-FC6DCCB4CFEA}" srcOrd="0" destOrd="0" parTransId="{1DA7CB67-2D09-4154-82B8-79E3B68AB5FF}" sibTransId="{CE17000F-5699-4333-81FB-7E0068481F34}"/>
    <dgm:cxn modelId="{7206FD57-80CA-44C6-BAD8-A0EA7F9C06D4}" srcId="{33BF9CCB-FBC4-4912-B5D8-582956C8C111}" destId="{82AEFDC5-676C-4979-A82B-03FD29091EC3}" srcOrd="2" destOrd="0" parTransId="{AFA7A3BD-C4A2-4195-9A3A-8A42FD6CBFAE}" sibTransId="{D93382CA-1C47-47F0-86B9-A8B9CA42140D}"/>
    <dgm:cxn modelId="{D3E90785-C4C3-44C8-A538-132BD0C30296}" srcId="{33BF9CCB-FBC4-4912-B5D8-582956C8C111}" destId="{985A4167-076F-48B0-98B1-CA7DEB7A1DEA}" srcOrd="3" destOrd="0" parTransId="{DEC868D7-52ED-4C20-AEAF-B73DABD57C65}" sibTransId="{A454BCDB-A32D-4581-A643-8D20C3383EB7}"/>
    <dgm:cxn modelId="{B8F68C97-2D8E-485E-913D-67B9E3FA8EDB}" type="presOf" srcId="{CB73B8BA-188F-4B62-8E6D-FC6DCCB4CFEA}" destId="{CDD20497-B499-4833-B1EC-D6DF14CD54A4}" srcOrd="0" destOrd="0" presId="urn:microsoft.com/office/officeart/2011/layout/CircleProcess"/>
    <dgm:cxn modelId="{6584F6AA-6457-4876-9772-27D6754269DB}" type="presOf" srcId="{82AEFDC5-676C-4979-A82B-03FD29091EC3}" destId="{487426D9-3141-47F4-BCEB-C313FF08A4CA}" srcOrd="0" destOrd="0" presId="urn:microsoft.com/office/officeart/2011/layout/CircleProcess"/>
    <dgm:cxn modelId="{129520E6-B8A9-4319-B4B8-E2D732546456}" srcId="{33BF9CCB-FBC4-4912-B5D8-582956C8C111}" destId="{6F2DB8D1-1D40-4449-9028-FD1BBDEBBE50}" srcOrd="1" destOrd="0" parTransId="{2A2027FC-C3C8-480D-A513-1215E3974168}" sibTransId="{D5E05259-C0CA-405D-BA38-B128FD00BDA6}"/>
    <dgm:cxn modelId="{F6AF9CEA-BE7B-49DB-9280-9FA1E00D054A}" type="presOf" srcId="{33BF9CCB-FBC4-4912-B5D8-582956C8C111}" destId="{7CBFA569-2F7E-41E0-95FC-6DAFA8701CC3}" srcOrd="0" destOrd="0" presId="urn:microsoft.com/office/officeart/2011/layout/CircleProcess"/>
    <dgm:cxn modelId="{8585ED6C-B929-4893-BE9F-B654983A9159}" type="presParOf" srcId="{7CBFA569-2F7E-41E0-95FC-6DAFA8701CC3}" destId="{748AB6F6-3E03-4A7A-A7A0-C731FF291F1C}" srcOrd="0" destOrd="0" presId="urn:microsoft.com/office/officeart/2011/layout/CircleProcess"/>
    <dgm:cxn modelId="{167A8ABF-2A1B-407C-BE10-8ABDF74AB7F7}" type="presParOf" srcId="{748AB6F6-3E03-4A7A-A7A0-C731FF291F1C}" destId="{D3D6D1FC-15A3-4FC6-8E60-B01FF4C1796B}" srcOrd="0" destOrd="0" presId="urn:microsoft.com/office/officeart/2011/layout/CircleProcess"/>
    <dgm:cxn modelId="{BCD1D317-433B-4533-9A32-21CF0CA0C885}" type="presParOf" srcId="{7CBFA569-2F7E-41E0-95FC-6DAFA8701CC3}" destId="{94DB67C9-5DA3-411B-B99F-881697570A33}" srcOrd="1" destOrd="0" presId="urn:microsoft.com/office/officeart/2011/layout/CircleProcess"/>
    <dgm:cxn modelId="{E6F142AA-4060-48DA-9057-07C13FE58297}" type="presParOf" srcId="{94DB67C9-5DA3-411B-B99F-881697570A33}" destId="{C98E1A42-00FE-476B-8CDE-500CD5AB3BBB}" srcOrd="0" destOrd="0" presId="urn:microsoft.com/office/officeart/2011/layout/CircleProcess"/>
    <dgm:cxn modelId="{04358C78-756C-470C-B04B-863DDDC285E0}" type="presParOf" srcId="{7CBFA569-2F7E-41E0-95FC-6DAFA8701CC3}" destId="{C9D192D1-90D7-4D6F-A649-EEBAF1523336}" srcOrd="2" destOrd="0" presId="urn:microsoft.com/office/officeart/2011/layout/CircleProcess"/>
    <dgm:cxn modelId="{9BAFEF97-3AA3-4923-9D69-C3C0AEA1CD26}" type="presParOf" srcId="{7CBFA569-2F7E-41E0-95FC-6DAFA8701CC3}" destId="{A2639E10-7A41-45DC-B630-46E1698BF47A}" srcOrd="3" destOrd="0" presId="urn:microsoft.com/office/officeart/2011/layout/CircleProcess"/>
    <dgm:cxn modelId="{F647B574-D4E5-41E4-B72C-6F7379CC45C1}" type="presParOf" srcId="{A2639E10-7A41-45DC-B630-46E1698BF47A}" destId="{56663872-3727-4B3D-B921-A0CA5ACA5A94}" srcOrd="0" destOrd="0" presId="urn:microsoft.com/office/officeart/2011/layout/CircleProcess"/>
    <dgm:cxn modelId="{D285D807-E2C9-4535-A647-730C18EC6350}" type="presParOf" srcId="{7CBFA569-2F7E-41E0-95FC-6DAFA8701CC3}" destId="{1CF2D1E7-9F7C-4176-8AB8-A5910D15BAEE}" srcOrd="4" destOrd="0" presId="urn:microsoft.com/office/officeart/2011/layout/CircleProcess"/>
    <dgm:cxn modelId="{FEBC38DD-3DDD-40AB-A484-454D448C29E4}" type="presParOf" srcId="{1CF2D1E7-9F7C-4176-8AB8-A5910D15BAEE}" destId="{487426D9-3141-47F4-BCEB-C313FF08A4CA}" srcOrd="0" destOrd="0" presId="urn:microsoft.com/office/officeart/2011/layout/CircleProcess"/>
    <dgm:cxn modelId="{02600142-1C5B-4CE1-A9DE-2BC48BAE7D4C}" type="presParOf" srcId="{7CBFA569-2F7E-41E0-95FC-6DAFA8701CC3}" destId="{3206ADB6-5CFD-4364-9841-3FE7B133EED2}" srcOrd="5" destOrd="0" presId="urn:microsoft.com/office/officeart/2011/layout/CircleProcess"/>
    <dgm:cxn modelId="{ECE1612F-77F9-41B2-B3F7-3CF7494469CF}" type="presParOf" srcId="{7CBFA569-2F7E-41E0-95FC-6DAFA8701CC3}" destId="{881987BE-1049-4D63-B991-1FC97D323E8F}" srcOrd="6" destOrd="0" presId="urn:microsoft.com/office/officeart/2011/layout/CircleProcess"/>
    <dgm:cxn modelId="{725534E9-FD1D-4664-B667-2F0DB52A4D6F}" type="presParOf" srcId="{881987BE-1049-4D63-B991-1FC97D323E8F}" destId="{2893B452-B45C-450F-90B7-90ED1906132D}" srcOrd="0" destOrd="0" presId="urn:microsoft.com/office/officeart/2011/layout/CircleProcess"/>
    <dgm:cxn modelId="{45A51F19-D6C9-4794-BAB7-11F8762F00C7}" type="presParOf" srcId="{7CBFA569-2F7E-41E0-95FC-6DAFA8701CC3}" destId="{C1C6244C-C935-4178-AF12-ECCAFF200837}" srcOrd="7" destOrd="0" presId="urn:microsoft.com/office/officeart/2011/layout/CircleProcess"/>
    <dgm:cxn modelId="{B150047D-DD29-46C8-9462-9627E2D511A0}" type="presParOf" srcId="{C1C6244C-C935-4178-AF12-ECCAFF200837}" destId="{2467DF3C-D61D-4C9D-8B3E-B49E0547AC9F}" srcOrd="0" destOrd="0" presId="urn:microsoft.com/office/officeart/2011/layout/CircleProcess"/>
    <dgm:cxn modelId="{45887C16-6ECF-46F7-B665-B455B49A07BA}" type="presParOf" srcId="{7CBFA569-2F7E-41E0-95FC-6DAFA8701CC3}" destId="{DBDE90AD-B807-4961-831B-57B3AB29F8DC}" srcOrd="8" destOrd="0" presId="urn:microsoft.com/office/officeart/2011/layout/CircleProcess"/>
    <dgm:cxn modelId="{DC844E7F-4877-4B6A-8D4C-F5F7E2B48698}" type="presParOf" srcId="{7CBFA569-2F7E-41E0-95FC-6DAFA8701CC3}" destId="{6A60C31E-FA90-47BD-9692-BA1CDF906484}" srcOrd="9" destOrd="0" presId="urn:microsoft.com/office/officeart/2011/layout/CircleProcess"/>
    <dgm:cxn modelId="{E7CF1242-F717-4689-98EB-C2D750494905}" type="presParOf" srcId="{6A60C31E-FA90-47BD-9692-BA1CDF906484}" destId="{DE071DA1-175D-4E9F-9237-F9F2EE2481D5}" srcOrd="0" destOrd="0" presId="urn:microsoft.com/office/officeart/2011/layout/CircleProcess"/>
    <dgm:cxn modelId="{1FDFE1C6-6B2E-4EF6-B2FB-FD43EABBFC30}" type="presParOf" srcId="{7CBFA569-2F7E-41E0-95FC-6DAFA8701CC3}" destId="{E4F0127E-5C34-4848-9868-058D8D4617C5}" srcOrd="10" destOrd="0" presId="urn:microsoft.com/office/officeart/2011/layout/CircleProcess"/>
    <dgm:cxn modelId="{D34AA731-6D4E-4537-B39A-1039C0E0D056}" type="presParOf" srcId="{E4F0127E-5C34-4848-9868-058D8D4617C5}" destId="{CDD20497-B499-4833-B1EC-D6DF14CD54A4}" srcOrd="0" destOrd="0" presId="urn:microsoft.com/office/officeart/2011/layout/CircleProcess"/>
    <dgm:cxn modelId="{E7F61FA3-1469-4E86-8C2D-1D75A9182ABB}" type="presParOf" srcId="{7CBFA569-2F7E-41E0-95FC-6DAFA8701CC3}" destId="{FB0B85DB-25B4-4633-95E3-DCFA7B16AE0D}" srcOrd="11" destOrd="0" presId="urn:microsoft.com/office/officeart/2011/layout/CircleProcess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3D6D1FC-15A3-4FC6-8E60-B01FF4C1796B}">
      <dsp:nvSpPr>
        <dsp:cNvPr id="0" name=""/>
        <dsp:cNvSpPr/>
      </dsp:nvSpPr>
      <dsp:spPr>
        <a:xfrm>
          <a:off x="9647153" y="1068766"/>
          <a:ext cx="2831513" cy="2831658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98E1A42-00FE-476B-8CDE-500CD5AB3BBB}">
      <dsp:nvSpPr>
        <dsp:cNvPr id="0" name=""/>
        <dsp:cNvSpPr/>
      </dsp:nvSpPr>
      <dsp:spPr>
        <a:xfrm>
          <a:off x="9741861" y="1163171"/>
          <a:ext cx="2643312" cy="2642848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2000" kern="1200">
              <a:latin typeface="Calibri"/>
              <a:ea typeface="+mn-ea"/>
              <a:cs typeface="+mn-cs"/>
            </a:rPr>
            <a:t>Helhetlig måling av bærekraft</a:t>
          </a:r>
        </a:p>
      </dsp:txBody>
      <dsp:txXfrm>
        <a:off x="10119477" y="1540792"/>
        <a:ext cx="1888080" cy="1887606"/>
      </dsp:txXfrm>
    </dsp:sp>
    <dsp:sp modelId="{56663872-3727-4B3D-B921-A0CA5ACA5A94}">
      <dsp:nvSpPr>
        <dsp:cNvPr id="0" name=""/>
        <dsp:cNvSpPr/>
      </dsp:nvSpPr>
      <dsp:spPr>
        <a:xfrm rot="2700000">
          <a:off x="6708767" y="1068566"/>
          <a:ext cx="2831560" cy="2831560"/>
        </a:xfrm>
        <a:prstGeom prst="teardrop">
          <a:avLst>
            <a:gd name="adj" fmla="val 100000"/>
          </a:avLst>
        </a:prstGeom>
        <a:solidFill>
          <a:schemeClr val="accent3">
            <a:hueOff val="-2185723"/>
            <a:satOff val="-6063"/>
            <a:lumOff val="9804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87426D9-3141-47F4-BCEB-C313FF08A4CA}">
      <dsp:nvSpPr>
        <dsp:cNvPr id="0" name=""/>
        <dsp:cNvSpPr/>
      </dsp:nvSpPr>
      <dsp:spPr>
        <a:xfrm>
          <a:off x="6815640" y="1163171"/>
          <a:ext cx="2643312" cy="2642848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-2185723"/>
              <a:satOff val="-6063"/>
              <a:lumOff val="9804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2000" kern="1200">
              <a:latin typeface="Calibri"/>
              <a:ea typeface="+mn-ea"/>
              <a:cs typeface="+mn-cs"/>
            </a:rPr>
            <a:t>Scenarier frem mot 2050</a:t>
          </a:r>
        </a:p>
      </dsp:txBody>
      <dsp:txXfrm>
        <a:off x="7193256" y="1540792"/>
        <a:ext cx="1888080" cy="1887606"/>
      </dsp:txXfrm>
    </dsp:sp>
    <dsp:sp modelId="{2893B452-B45C-450F-90B7-90ED1906132D}">
      <dsp:nvSpPr>
        <dsp:cNvPr id="0" name=""/>
        <dsp:cNvSpPr/>
      </dsp:nvSpPr>
      <dsp:spPr>
        <a:xfrm rot="2700000">
          <a:off x="3794687" y="1068566"/>
          <a:ext cx="2831560" cy="2831560"/>
        </a:xfrm>
        <a:prstGeom prst="teardrop">
          <a:avLst>
            <a:gd name="adj" fmla="val 100000"/>
          </a:avLst>
        </a:prstGeom>
        <a:solidFill>
          <a:schemeClr val="accent3">
            <a:hueOff val="-4371445"/>
            <a:satOff val="-12127"/>
            <a:lumOff val="1960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467DF3C-D61D-4C9D-8B3E-B49E0547AC9F}">
      <dsp:nvSpPr>
        <dsp:cNvPr id="0" name=""/>
        <dsp:cNvSpPr/>
      </dsp:nvSpPr>
      <dsp:spPr>
        <a:xfrm>
          <a:off x="3889418" y="1163171"/>
          <a:ext cx="2643312" cy="2642848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-4371445"/>
              <a:satOff val="-12127"/>
              <a:lumOff val="19609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2000" kern="1200"/>
            <a:t>Miljøfotavtrykk-analyser</a:t>
          </a:r>
        </a:p>
      </dsp:txBody>
      <dsp:txXfrm>
        <a:off x="4267034" y="1540792"/>
        <a:ext cx="1888080" cy="1887606"/>
      </dsp:txXfrm>
    </dsp:sp>
    <dsp:sp modelId="{DE071DA1-175D-4E9F-9237-F9F2EE2481D5}">
      <dsp:nvSpPr>
        <dsp:cNvPr id="0" name=""/>
        <dsp:cNvSpPr/>
      </dsp:nvSpPr>
      <dsp:spPr>
        <a:xfrm rot="2700000">
          <a:off x="868466" y="1068566"/>
          <a:ext cx="2831560" cy="2831560"/>
        </a:xfrm>
        <a:prstGeom prst="teardrop">
          <a:avLst>
            <a:gd name="adj" fmla="val 100000"/>
          </a:avLst>
        </a:prstGeom>
        <a:solidFill>
          <a:schemeClr val="accent3">
            <a:hueOff val="-6557168"/>
            <a:satOff val="-18190"/>
            <a:lumOff val="2941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DD20497-B499-4833-B1EC-D6DF14CD54A4}">
      <dsp:nvSpPr>
        <dsp:cNvPr id="0" name=""/>
        <dsp:cNvSpPr/>
      </dsp:nvSpPr>
      <dsp:spPr>
        <a:xfrm>
          <a:off x="963197" y="1163171"/>
          <a:ext cx="2643312" cy="2642848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-6557168"/>
              <a:satOff val="-18190"/>
              <a:lumOff val="29413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2000" kern="1200">
              <a:latin typeface="Calibri"/>
              <a:ea typeface="+mn-ea"/>
              <a:cs typeface="+mn-cs"/>
            </a:rPr>
            <a:t>Måle-indikatorer for økonomisk, sosial og miljømessig bærekraft  </a:t>
          </a:r>
        </a:p>
      </dsp:txBody>
      <dsp:txXfrm>
        <a:off x="1340813" y="1540792"/>
        <a:ext cx="1888080" cy="188760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1/layout/CircleProcess">
  <dgm:title val="Circle Process"/>
  <dgm:desc val="Use to show sequential steps in a process. Limited to eleven Level 1 shapes with an unlimited number of Level 2 shapes. Works best with small amounts of text. Unused text does not appear, but remains available if you switch layouts."/>
  <dgm:catLst>
    <dgm:cat type="process" pri="8500"/>
    <dgm:cat type="officeonline" pri="85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11"/>
      <dgm:chPref val="11"/>
      <dgm:dir/>
      <dgm:resizeHandles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5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Parent2" refType="w" fact="0.6249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l" for="ch" forName="Parent1" refType="w" fact="0.1597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l" for="ch" forName="Accent2" refType="w" fact="0.5498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l" for="ch" forName="ParentBackground2" refType="w" fact="0.5648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l" for="ch" forName="Child2" refType="w" fact="0.5648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l" for="ch" forName="Accent1" refType="w" fact="-0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l" for="ch" forName="ParentBackground1" refType="w" fact="0.0997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l" for="ch" forName="Child1" refType="w" fact="0.0997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6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Parent3" refType="w" fact="0.744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l" for="ch" forName="Parent2" refType="w" fact="0.426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l" for="ch" forName="Parent1" refType="w" fact="0.109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l" for="ch" forName="Accent3" refType="w" fact="0.6928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l" for="ch" forName="ParentBackground3" refType="w" fact="0.703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l" for="ch" forName="Child3" refType="w" fact="0.703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l" for="ch" forName="Accent2" refType="w" fact="0.3122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l" for="ch" forName="ParentBackground2" refType="w" fact="0.385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l" for="ch" forName="Child2" refType="w" fact="0.385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l" for="ch" forName="Accent1" refType="w" fact="-0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l" for="ch" forName="ParentBackground1" refType="w" fact="0.068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l" for="ch" forName="Child1" refType="w" fact="0.068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7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Parent4" refType="w" fact="0.8057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l" for="ch" forName="Parent3" refType="w" fact="0.5647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l" for="ch" forName="Parent2" refType="w" fact="0.3237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l" for="ch" forName="Parent1" refType="w" fact="0.0827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l" for="ch" forName="Accent4" refType="w" fact="0.7668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l" for="ch" forName="ParentBackground4" refType="w" fact="0.7746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l" for="ch" forName="Child4" refType="w" fact="0.7746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l" for="ch" forName="Accent3" refType="w" fact="0.476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l" for="ch" forName="ParentBackground3" refType="w" fact="0.5336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l" for="ch" forName="Child3" refType="w" fact="0.5336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l" for="ch" forName="Accent2" refType="w" fact="0.236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l" for="ch" forName="ParentBackground2" refType="w" fact="0.2926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l" for="ch" forName="Child2" refType="w" fact="0.2926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l" for="ch" forName="Accent1" refType="w" fact="-0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l" for="ch" forName="ParentBackground1" refType="w" fact="0.0516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l" for="ch" forName="Child1" refType="w" fact="0.0516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8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Parent5" refType="w" fact="0.8434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l" for="ch" forName="Parent4" refType="w" fact="0.6492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l" for="ch" forName="Parent3" refType="w" fact="0.45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l" for="ch" forName="Parent2" refType="w" fact="0.2609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l" for="ch" forName="Parent1" refType="w" fact="0.0667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l" for="ch" forName="Accent5" refType="w" fact="0.8121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l" for="ch" forName="ParentBackground5" refType="w" fact="0.8183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l" for="ch" forName="Child5" refType="w" fact="0.8183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l" for="ch" forName="Accent4" refType="w" fact="0.5789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l" for="ch" forName="ParentBackground4" refType="w" fact="0.6242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l" for="ch" forName="Child4" refType="w" fact="0.6242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l" for="ch" forName="Accent3" refType="w" fact="0.3848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l" for="ch" forName="ParentBackground3" refType="w" fact="0.43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l" for="ch" forName="Child3" refType="w" fact="0.43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l" for="ch" forName="Accent2" refType="w" fact="0.1906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l" for="ch" forName="ParentBackground2" refType="w" fact="0.2358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l" for="ch" forName="Child2" refType="w" fact="0.2358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l" for="ch" forName="Accent1" refType="w" fact="-0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l" for="ch" forName="ParentBackground1" refType="w" fact="0.0416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l" for="ch" forName="Child1" refType="w" fact="0.0416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9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Parent6" refType="w" fact="0.8689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l" for="ch" forName="Parent5" refType="w" fact="0.7063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l" for="ch" forName="Parent4" refType="w" fact="0.5437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l" for="ch" forName="Parent3" refType="w" fact="0.381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l" for="ch" forName="Parent2" refType="w" fact="0.2184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l" for="ch" forName="Parent1" refType="w" fact="0.0558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l" for="ch" forName="Accent6" refType="w" fact="0.8426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l" for="ch" forName="ParentBackground6" refType="w" fact="0.8479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l" for="ch" forName="Child6" refType="w" fact="0.8479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l" for="ch" forName="Accent5" refType="w" fact="0.6474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l" for="ch" forName="ParentBackground5" refType="w" fact="0.6853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l" for="ch" forName="Child5" refType="w" fact="0.6853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l" for="ch" forName="Accent4" refType="w" fact="0.4848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l" for="ch" forName="ParentBackground4" refType="w" fact="0.5227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l" for="ch" forName="Child4" refType="w" fact="0.5227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l" for="ch" forName="Accent3" refType="w" fact="0.3222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l" for="ch" forName="ParentBackground3" refType="w" fact="0.3601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l" for="ch" forName="Child3" refType="w" fact="0.3601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l" for="ch" forName="Accent2" refType="w" fact="0.1596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l" for="ch" forName="ParentBackground2" refType="w" fact="0.197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l" for="ch" forName="Child2" refType="w" fact="0.197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l" for="ch" forName="Accent1" refType="w" fact="-0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l" for="ch" forName="ParentBackground1" refType="w" fact="0.0348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l" for="ch" forName="Child1" refType="w" fact="0.0348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10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Parent7" refType="w" fact="0.8872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l" for="ch" forName="Parent6" refType="w" fact="0.7473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l" for="ch" forName="Parent5" refType="w" fact="0.607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l" for="ch" forName="Parent4" refType="w" fact="0.4676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l" for="ch" forName="Parent3" refType="w" fact="0.3277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l" for="ch" forName="Parent2" refType="w" fact="0.1879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l" for="ch" forName="Parent1" refType="w" fact="0.048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l" for="ch" forName="Accent7" refType="w" fact="0.8646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l" for="ch" forName="ParentBackground7" refType="w" fact="0.8692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l" for="ch" forName="Child7" refType="w" fact="0.8692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l" for="ch" forName="Accent6" refType="w" fact="0.6967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l" for="ch" forName="ParentBackground6" refType="w" fact="0.7293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l" for="ch" forName="Child6" refType="w" fact="0.7293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l" for="ch" forName="Accent5" refType="w" fact="0.5569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l" for="ch" forName="ParentBackground5" refType="w" fact="0.5894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l" for="ch" forName="Child5" refType="w" fact="0.5894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l" for="ch" forName="Accent4" refType="w" fact="0.417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l" for="ch" forName="ParentBackground4" refType="w" fact="0.4496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l" for="ch" forName="Child4" refType="w" fact="0.4496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l" for="ch" forName="Accent3" refType="w" fact="0.2771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l" for="ch" forName="ParentBackground3" refType="w" fact="0.3097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l" for="ch" forName="Child3" refType="w" fact="0.3097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l" for="ch" forName="Accent2" refType="w" fact="0.1373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l" for="ch" forName="ParentBackground2" refType="w" fact="0.1698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l" for="ch" forName="Child2" refType="w" fact="0.1698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l" for="ch" forName="Accent1" refType="w" fact="-0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l" for="ch" forName="ParentBackground1" refType="w" fact="0.03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l" for="ch" forName="Child1" refType="w" fact="0.03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11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l" for="ch" forName="Parent8" refType="w" fact="0.901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l" for="ch" forName="Parent7" refType="w" fact="0.7783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l" for="ch" forName="Parent6" refType="w" fact="0.6556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l" for="ch" forName="Parent5" refType="w" fact="0.5329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l" for="ch" forName="Parent4" refType="w" fact="0.4102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l" for="ch" forName="Parent3" refType="w" fact="0.287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l" for="ch" forName="Parent2" refType="w" fact="0.1648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l" for="ch" forName="Parent1" refType="w" fact="0.0421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l" for="ch" forName="Accent8" refType="w" fact="0.8813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l" for="ch" forName="ParentBackground8" refType="w" fact="0.8852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l" for="ch" forName="Child8" refType="w" fact="0.8852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l" for="ch" forName="Accent7" refType="w" fact="0.7339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l" for="ch" forName="ParentBackground7" refType="w" fact="0.762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l" for="ch" forName="Child7" refType="w" fact="0.762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l" for="ch" forName="Accent6" refType="w" fact="0.6112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l" for="ch" forName="ParentBackground6" refType="w" fact="0.6398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l" for="ch" forName="Child6" refType="w" fact="0.6398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l" for="ch" forName="Accent5" refType="w" fact="0.488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l" for="ch" forName="ParentBackground5" refType="w" fact="0.5171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l" for="ch" forName="Child5" refType="w" fact="0.5171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l" for="ch" forName="Accent4" refType="w" fact="0.3658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l" for="ch" forName="ParentBackground4" refType="w" fact="0.3944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l" for="ch" forName="Child4" refType="w" fact="0.3944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l" for="ch" forName="Accent3" refType="w" fact="0.2431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l" for="ch" forName="ParentBackground3" refType="w" fact="0.2717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l" for="ch" forName="Child3" refType="w" fact="0.2717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l" for="ch" forName="Accent2" refType="w" fact="0.1204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l" for="ch" forName="ParentBackground2" refType="w" fact="0.149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l" for="ch" forName="Child2" refType="w" fact="0.149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l" for="ch" forName="Accent1" refType="w" fact="-0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l" for="ch" forName="ParentBackground1" refType="w" fact="0.0263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l" for="ch" forName="Child1" refType="w" fact="0.0263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12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l" for="ch" forName="Parent9" refType="w" fact="0.9119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l" for="ch" forName="Parent8" refType="w" fact="0.8026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l" for="ch" forName="Parent7" refType="w" fact="0.6933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l" for="ch" forName="Parent6" refType="w" fact="0.584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l" for="ch" forName="Parent5" refType="w" fact="0.4747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l" for="ch" forName="Parent4" refType="w" fact="0.3654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l" for="ch" forName="Parent3" refType="w" fact="0.2561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l" for="ch" forName="Parent2" refType="w" fact="0.1468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l" for="ch" forName="Parent1" refType="w" fact="0.037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l" for="ch" forName="Accent9" refType="w" fact="0.8942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l" for="ch" forName="ParentBackground9" refType="w" fact="0.8978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l" for="ch" forName="Child9" refType="w" fact="0.8978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l" for="ch" forName="Accent8" refType="w" fact="0.763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l" for="ch" forName="ParentBackground8" refType="w" fact="0.788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l" for="ch" forName="Child8" refType="w" fact="0.788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l" for="ch" forName="Accent7" refType="w" fact="0.6538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l" for="ch" forName="ParentBackground7" refType="w" fact="0.6792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l" for="ch" forName="Child7" refType="w" fact="0.6792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l" for="ch" forName="Accent6" refType="w" fact="0.544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l" for="ch" forName="ParentBackground6" refType="w" fact="0.5699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l" for="ch" forName="Child6" refType="w" fact="0.5699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l" for="ch" forName="Accent5" refType="w" fact="0.4352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l" for="ch" forName="ParentBackground5" refType="w" fact="0.4606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l" for="ch" forName="Child5" refType="w" fact="0.4606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l" for="ch" forName="Accent4" refType="w" fact="0.3259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l" for="ch" forName="ParentBackground4" refType="w" fact="0.3513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l" for="ch" forName="Child4" refType="w" fact="0.3513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l" for="ch" forName="Accent3" refType="w" fact="0.2166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l" for="ch" forName="ParentBackground3" refType="w" fact="0.242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l" for="ch" forName="Child3" refType="w" fact="0.242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l" for="ch" forName="Accent2" refType="w" fact="0.1073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l" for="ch" forName="ParentBackground2" refType="w" fact="0.1327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l" for="ch" forName="Child2" refType="w" fact="0.1327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l" for="ch" forName="Accent1" refType="w" fact="-0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l" for="ch" forName="ParentBackground1" refType="w" fact="0.0234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l" for="ch" forName="Child1" refType="w" fact="0.0234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13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l" for="ch" forName="Parent10" refType="w" fact="0.920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l" for="ch" forName="Parent9" refType="w" fact="0.822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l" for="ch" forName="Parent8" refType="w" fact="0.723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l" for="ch" forName="Parent7" refType="w" fact="0.62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l" for="ch" forName="Parent6" refType="w" fact="0.5264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l" for="ch" forName="Parent5" refType="w" fact="0.4279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l" for="ch" forName="Parent4" refType="w" fact="0.3294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l" for="ch" forName="Parent3" refType="w" fact="0.2309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l" for="ch" forName="Parent2" refType="w" fact="0.1324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l" for="ch" forName="Parent1" refType="w" fact="0.0338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l" for="ch" forName="Accent10" refType="w" fact="0.9047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l" for="ch" forName="ParentBackground10" refType="w" fact="0.9078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l" for="ch" forName="Child10" refType="w" fact="0.9078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l" for="ch" forName="Accent9" refType="w" fact="0.7864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l" for="ch" forName="ParentBackground9" refType="w" fact="0.8093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l" for="ch" forName="Child9" refType="w" fact="0.8093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l" for="ch" forName="Accent8" refType="w" fact="0.6879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l" for="ch" forName="ParentBackground8" refType="w" fact="0.7108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l" for="ch" forName="Child8" refType="w" fact="0.7108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l" for="ch" forName="Accent7" refType="w" fact="0.5893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l" for="ch" forName="ParentBackground7" refType="w" fact="0.6123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l" for="ch" forName="Child7" refType="w" fact="0.6123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l" for="ch" forName="Accent6" refType="w" fact="0.4908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l" for="ch" forName="ParentBackground6" refType="w" fact="0.5137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l" for="ch" forName="Child6" refType="w" fact="0.5137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l" for="ch" forName="Accent5" refType="w" fact="0.3923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l" for="ch" forName="ParentBackground5" refType="w" fact="0.4152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l" for="ch" forName="Child5" refType="w" fact="0.4152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l" for="ch" forName="Accent4" refType="w" fact="0.2938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l" for="ch" forName="ParentBackground4" refType="w" fact="0.3167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l" for="ch" forName="Child4" refType="w" fact="0.3167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l" for="ch" forName="Accent3" refType="w" fact="0.1952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l" for="ch" forName="ParentBackground3" refType="w" fact="0.2182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l" for="ch" forName="Child3" refType="w" fact="0.2182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l" for="ch" forName="Accent2" refType="w" fact="0.0967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l" for="ch" forName="ParentBackground2" refType="w" fact="0.1196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l" for="ch" forName="Child2" refType="w" fact="0.1196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l" for="ch" forName="Accent1" refType="w" fact="-0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l" for="ch" forName="ParentBackground1" refType="w" fact="0.0211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l" for="ch" forName="Child1" refType="w" fact="0.0211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14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l" for="ch" forName="Parent11" refType="w" fact="0.9277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l" for="ch" forName="Parent10" refType="w" fact="0.838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l" for="ch" forName="Parent9" refType="w" fact="0.7483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l" for="ch" forName="Parent8" refType="w" fact="0.6586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l" for="ch" forName="Parent7" refType="w" fact="0.5689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l" for="ch" forName="Parent6" refType="w" fact="0.4792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l" for="ch" forName="Parent5" refType="w" fact="0.389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l" for="ch" forName="Parent4" refType="w" fact="0.2999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l" for="ch" forName="Parent3" refType="w" fact="0.2102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l" for="ch" forName="Parent2" refType="w" fact="0.120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l" for="ch" forName="Parent1" refType="w" fact="0.0308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l" for="ch" forName="Accent11" refType="w" fact="0.9132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l" for="ch" forName="ParentBackground11" refType="w" fact="0.9161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l" for="ch" forName="Child11" refType="w" fact="0.9161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l" for="ch" forName="Accent10" refType="w" fact="0.805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l" for="ch" forName="ParentBackground10" refType="w" fact="0.8264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l" for="ch" forName="Child10" refType="w" fact="0.8264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l" for="ch" forName="Accent9" refType="w" fact="0.7158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l" for="ch" forName="ParentBackground9" refType="w" fact="0.7367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l" for="ch" forName="Child9" refType="w" fact="0.7367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l" for="ch" forName="Accent8" refType="w" fact="0.6261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l" for="ch" forName="ParentBackground8" refType="w" fact="0.647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l" for="ch" forName="Child8" refType="w" fact="0.647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l" for="ch" forName="Accent7" refType="w" fact="0.5364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l" for="ch" forName="ParentBackground7" refType="w" fact="0.5573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l" for="ch" forName="Child7" refType="w" fact="0.5573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l" for="ch" forName="Accent6" refType="w" fact="0.4467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l" for="ch" forName="ParentBackground6" refType="w" fact="0.4677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l" for="ch" forName="Child6" refType="w" fact="0.4677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l" for="ch" forName="Accent5" refType="w" fact="0.3571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l" for="ch" forName="ParentBackground5" refType="w" fact="0.378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l" for="ch" forName="Child5" refType="w" fact="0.378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l" for="ch" forName="Accent4" refType="w" fact="0.2674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l" for="ch" forName="ParentBackground4" refType="w" fact="0.2883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l" for="ch" forName="Child4" refType="w" fact="0.2883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l" for="ch" forName="Accent3" refType="w" fact="0.1777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l" for="ch" forName="ParentBackground3" refType="w" fact="0.1986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l" for="ch" forName="Child3" refType="w" fact="0.1986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l" for="ch" forName="Accent2" refType="w" fact="0.088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l" for="ch" forName="ParentBackground2" refType="w" fact="0.1089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l" for="ch" forName="Child2" refType="w" fact="0.1089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l" for="ch" forName="Accent1" refType="w" fact="-0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l" for="ch" forName="ParentBackground1" refType="w" fact="0.0192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l" for="ch" forName="Child1" refType="w" fact="0.0192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if>
      <dgm:else name="Name15">
        <dgm:choose name="Name16">
          <dgm:if name="Name17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18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r" for="ch" forName="Parent2" refType="w" fact="0.3751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r" for="ch" forName="Parent1" refType="w" fact="0.8403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r" for="ch" forName="Accent2" refType="w" fact="0.4502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r" for="ch" forName="ParentBackground2" refType="w" fact="0.4352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r" for="ch" forName="Child2" refType="w" fact="0.4352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r" for="ch" forName="Accent1" refType="w" fact="1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r" for="ch" forName="ParentBackground1" refType="w" fact="0.9003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r" for="ch" forName="Child1" refType="w" fact="0.9003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19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r" for="ch" forName="Parent3" refType="w" fact="0.256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r" for="ch" forName="Parent2" refType="w" fact="0.573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r" for="ch" forName="Parent1" refType="w" fact="0.891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r" for="ch" forName="Accent3" refType="w" fact="0.3072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r" for="ch" forName="ParentBackground3" refType="w" fact="0.297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r" for="ch" forName="Child3" refType="w" fact="0.297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r" for="ch" forName="Accent2" refType="w" fact="0.6878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r" for="ch" forName="ParentBackground2" refType="w" fact="0.614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r" for="ch" forName="Child2" refType="w" fact="0.614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r" for="ch" forName="Accent1" refType="w" fact="1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r" for="ch" forName="ParentBackground1" refType="w" fact="0.932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r" for="ch" forName="Child1" refType="w" fact="0.932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20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r" for="ch" forName="Parent4" refType="w" fact="0.1943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r" for="ch" forName="Parent3" refType="w" fact="0.4353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r" for="ch" forName="Parent2" refType="w" fact="0.6763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r" for="ch" forName="Parent1" refType="w" fact="0.9173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r" for="ch" forName="Accent4" refType="w" fact="0.2332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r" for="ch" forName="ParentBackground4" refType="w" fact="0.2254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r" for="ch" forName="Child4" refType="w" fact="0.2254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r" for="ch" forName="Accent3" refType="w" fact="0.523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r" for="ch" forName="ParentBackground3" refType="w" fact="0.4664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r" for="ch" forName="Child3" refType="w" fact="0.4664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r" for="ch" forName="Accent2" refType="w" fact="0.763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r" for="ch" forName="ParentBackground2" refType="w" fact="0.7074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r" for="ch" forName="Child2" refType="w" fact="0.7074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r" for="ch" forName="Accent1" refType="w" fact="1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r" for="ch" forName="ParentBackground1" refType="w" fact="0.9484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r" for="ch" forName="Child1" refType="w" fact="0.9484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21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r" for="ch" forName="Parent5" refType="w" fact="0.1566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r" for="ch" forName="Parent4" refType="w" fact="0.3508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r" for="ch" forName="Parent3" refType="w" fact="0.54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r" for="ch" forName="Parent2" refType="w" fact="0.7391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r" for="ch" forName="Parent1" refType="w" fact="0.9333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r" for="ch" forName="Accent5" refType="w" fact="0.1879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r" for="ch" forName="ParentBackground5" refType="w" fact="0.1817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r" for="ch" forName="Child5" refType="w" fact="0.1817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r" for="ch" forName="Accent4" refType="w" fact="0.4211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r" for="ch" forName="ParentBackground4" refType="w" fact="0.3758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r" for="ch" forName="Child4" refType="w" fact="0.3758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r" for="ch" forName="Accent3" refType="w" fact="0.6152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r" for="ch" forName="ParentBackground3" refType="w" fact="0.57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r" for="ch" forName="Child3" refType="w" fact="0.57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r" for="ch" forName="Accent2" refType="w" fact="0.8094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r" for="ch" forName="ParentBackground2" refType="w" fact="0.7642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r" for="ch" forName="Child2" refType="w" fact="0.7642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r" for="ch" forName="Accent1" refType="w" fact="1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r" for="ch" forName="ParentBackground1" refType="w" fact="0.9584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r" for="ch" forName="Child1" refType="w" fact="0.9584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22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r" for="ch" forName="Parent6" refType="w" fact="0.1311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r" for="ch" forName="Parent5" refType="w" fact="0.2937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r" for="ch" forName="Parent4" refType="w" fact="0.4563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r" for="ch" forName="Parent3" refType="w" fact="0.619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r" for="ch" forName="Parent2" refType="w" fact="0.7816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r" for="ch" forName="Parent1" refType="w" fact="0.9442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r" for="ch" forName="Accent6" refType="w" fact="0.1574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r" for="ch" forName="ParentBackground6" refType="w" fact="0.1521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r" for="ch" forName="Child6" refType="w" fact="0.1521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r" for="ch" forName="Accent5" refType="w" fact="0.3526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r" for="ch" forName="ParentBackground5" refType="w" fact="0.3147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r" for="ch" forName="Child5" refType="w" fact="0.3147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r" for="ch" forName="Accent4" refType="w" fact="0.5152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r" for="ch" forName="ParentBackground4" refType="w" fact="0.4773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r" for="ch" forName="Child4" refType="w" fact="0.4773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r" for="ch" forName="Accent3" refType="w" fact="0.6778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r" for="ch" forName="ParentBackground3" refType="w" fact="0.6399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r" for="ch" forName="Child3" refType="w" fact="0.6399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r" for="ch" forName="Accent2" refType="w" fact="0.8404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r" for="ch" forName="ParentBackground2" refType="w" fact="0.802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r" for="ch" forName="Child2" refType="w" fact="0.802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r" for="ch" forName="Accent1" refType="w" fact="1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r" for="ch" forName="ParentBackground1" refType="w" fact="0.9652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r" for="ch" forName="Child1" refType="w" fact="0.9652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23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r" for="ch" forName="Parent7" refType="w" fact="0.1128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r" for="ch" forName="Parent6" refType="w" fact="0.2527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r" for="ch" forName="Parent5" refType="w" fact="0.392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r" for="ch" forName="Parent4" refType="w" fact="0.5324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r" for="ch" forName="Parent3" refType="w" fact="0.6723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r" for="ch" forName="Parent2" refType="w" fact="0.8121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r" for="ch" forName="Parent1" refType="w" fact="0.952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r" for="ch" forName="Accent7" refType="w" fact="0.1354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r" for="ch" forName="ParentBackground7" refType="w" fact="0.1308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r" for="ch" forName="Child7" refType="w" fact="0.1308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r" for="ch" forName="Accent6" refType="w" fact="0.3033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r" for="ch" forName="ParentBackground6" refType="w" fact="0.2707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r" for="ch" forName="Child6" refType="w" fact="0.2707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r" for="ch" forName="Accent5" refType="w" fact="0.4431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r" for="ch" forName="ParentBackground5" refType="w" fact="0.4106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r" for="ch" forName="Child5" refType="w" fact="0.4106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r" for="ch" forName="Accent4" refType="w" fact="0.583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r" for="ch" forName="ParentBackground4" refType="w" fact="0.5504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r" for="ch" forName="Child4" refType="w" fact="0.5504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r" for="ch" forName="Accent3" refType="w" fact="0.7229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r" for="ch" forName="ParentBackground3" refType="w" fact="0.6903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r" for="ch" forName="Child3" refType="w" fact="0.6903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r" for="ch" forName="Accent2" refType="w" fact="0.8627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r" for="ch" forName="ParentBackground2" refType="w" fact="0.8302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r" for="ch" forName="Child2" refType="w" fact="0.8302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r" for="ch" forName="Accent1" refType="w" fact="1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r" for="ch" forName="ParentBackground1" refType="w" fact="0.97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r" for="ch" forName="Child1" refType="w" fact="0.97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24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r" for="ch" forName="Parent8" refType="w" fact="0.099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r" for="ch" forName="Parent7" refType="w" fact="0.2217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r" for="ch" forName="Parent6" refType="w" fact="0.3444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r" for="ch" forName="Parent5" refType="w" fact="0.4671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r" for="ch" forName="Parent4" refType="w" fact="0.5898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r" for="ch" forName="Parent3" refType="w" fact="0.712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r" for="ch" forName="Parent2" refType="w" fact="0.8352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r" for="ch" forName="Parent1" refType="w" fact="0.9579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r" for="ch" forName="Accent8" refType="w" fact="0.1187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r" for="ch" forName="ParentBackground8" refType="w" fact="0.1148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r" for="ch" forName="Child8" refType="w" fact="0.1148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r" for="ch" forName="Accent7" refType="w" fact="0.2661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r" for="ch" forName="ParentBackground7" refType="w" fact="0.237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r" for="ch" forName="Child7" refType="w" fact="0.237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r" for="ch" forName="Accent6" refType="w" fact="0.3888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r" for="ch" forName="ParentBackground6" refType="w" fact="0.3602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r" for="ch" forName="Child6" refType="w" fact="0.3602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r" for="ch" forName="Accent5" refType="w" fact="0.511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r" for="ch" forName="ParentBackground5" refType="w" fact="0.4829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r" for="ch" forName="Child5" refType="w" fact="0.4829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r" for="ch" forName="Accent4" refType="w" fact="0.6342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r" for="ch" forName="ParentBackground4" refType="w" fact="0.6056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r" for="ch" forName="Child4" refType="w" fact="0.6056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r" for="ch" forName="Accent3" refType="w" fact="0.7569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r" for="ch" forName="ParentBackground3" refType="w" fact="0.7283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r" for="ch" forName="Child3" refType="w" fact="0.7283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r" for="ch" forName="Accent2" refType="w" fact="0.8796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r" for="ch" forName="ParentBackground2" refType="w" fact="0.851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r" for="ch" forName="Child2" refType="w" fact="0.851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r" for="ch" forName="Accent1" refType="w" fact="1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r" for="ch" forName="ParentBackground1" refType="w" fact="0.9737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r" for="ch" forName="Child1" refType="w" fact="0.9737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25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r" for="ch" forName="Parent9" refType="w" fact="0.0881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r" for="ch" forName="Parent8" refType="w" fact="0.1974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r" for="ch" forName="Parent7" refType="w" fact="0.3067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r" for="ch" forName="Parent6" refType="w" fact="0.416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r" for="ch" forName="Parent5" refType="w" fact="0.5253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r" for="ch" forName="Parent4" refType="w" fact="0.6346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r" for="ch" forName="Parent3" refType="w" fact="0.7439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r" for="ch" forName="Parent2" refType="w" fact="0.8532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r" for="ch" forName="Parent1" refType="w" fact="0.962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r" for="ch" forName="Accent9" refType="w" fact="0.1058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r" for="ch" forName="ParentBackground9" refType="w" fact="0.1022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r" for="ch" forName="Child9" refType="w" fact="0.1022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r" for="ch" forName="Accent8" refType="w" fact="0.237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r" for="ch" forName="ParentBackground8" refType="w" fact="0.211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r" for="ch" forName="Child8" refType="w" fact="0.211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r" for="ch" forName="Accent7" refType="w" fact="0.3462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r" for="ch" forName="ParentBackground7" refType="w" fact="0.3208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r" for="ch" forName="Child7" refType="w" fact="0.3208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r" for="ch" forName="Accent6" refType="w" fact="0.455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r" for="ch" forName="ParentBackground6" refType="w" fact="0.4301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r" for="ch" forName="Child6" refType="w" fact="0.4301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r" for="ch" forName="Accent5" refType="w" fact="0.5648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r" for="ch" forName="ParentBackground5" refType="w" fact="0.5394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r" for="ch" forName="Child5" refType="w" fact="0.5394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r" for="ch" forName="Accent4" refType="w" fact="0.6741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r" for="ch" forName="ParentBackground4" refType="w" fact="0.6487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r" for="ch" forName="Child4" refType="w" fact="0.6487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r" for="ch" forName="Accent3" refType="w" fact="0.7834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r" for="ch" forName="ParentBackground3" refType="w" fact="0.758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r" for="ch" forName="Child3" refType="w" fact="0.758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r" for="ch" forName="Accent2" refType="w" fact="0.8927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r" for="ch" forName="ParentBackground2" refType="w" fact="0.8673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r" for="ch" forName="Child2" refType="w" fact="0.8673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r" for="ch" forName="Accent1" refType="w" fact="1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r" for="ch" forName="ParentBackground1" refType="w" fact="0.9765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r" for="ch" forName="Child1" refType="w" fact="0.9765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26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r" for="ch" forName="Parent10" refType="w" fact="0.079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r" for="ch" forName="Parent9" refType="w" fact="0.178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r" for="ch" forName="Parent8" refType="w" fact="0.276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r" for="ch" forName="Parent7" refType="w" fact="0.37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r" for="ch" forName="Parent6" refType="w" fact="0.4736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r" for="ch" forName="Parent5" refType="w" fact="0.5721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r" for="ch" forName="Parent4" refType="w" fact="0.6706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r" for="ch" forName="Parent3" refType="w" fact="0.7691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r" for="ch" forName="Parent2" refType="w" fact="0.8676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r" for="ch" forName="Parent1" refType="w" fact="0.9662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r" for="ch" forName="Accent10" refType="w" fact="0.0953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r" for="ch" forName="ParentBackground10" refType="w" fact="0.0922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r" for="ch" forName="Child10" refType="w" fact="0.0922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r" for="ch" forName="Accent9" refType="w" fact="0.2136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r" for="ch" forName="ParentBackground9" refType="w" fact="0.1907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r" for="ch" forName="Child9" refType="w" fact="0.1907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r" for="ch" forName="Accent8" refType="w" fact="0.3121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r" for="ch" forName="ParentBackground8" refType="w" fact="0.2892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r" for="ch" forName="Child8" refType="w" fact="0.2892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r" for="ch" forName="Accent7" refType="w" fact="0.4107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r" for="ch" forName="ParentBackground7" refType="w" fact="0.3877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r" for="ch" forName="Child7" refType="w" fact="0.3877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r" for="ch" forName="Accent6" refType="w" fact="0.5092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r" for="ch" forName="ParentBackground6" refType="w" fact="0.4863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r" for="ch" forName="Child6" refType="w" fact="0.4863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r" for="ch" forName="Accent5" refType="w" fact="0.6077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r" for="ch" forName="ParentBackground5" refType="w" fact="0.5848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r" for="ch" forName="Child5" refType="w" fact="0.5848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r" for="ch" forName="Accent4" refType="w" fact="0.7062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r" for="ch" forName="ParentBackground4" refType="w" fact="0.6833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r" for="ch" forName="Child4" refType="w" fact="0.6833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r" for="ch" forName="Accent3" refType="w" fact="0.8048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r" for="ch" forName="ParentBackground3" refType="w" fact="0.7818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r" for="ch" forName="Child3" refType="w" fact="0.7818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r" for="ch" forName="Accent2" refType="w" fact="0.9033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r" for="ch" forName="ParentBackground2" refType="w" fact="0.8804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r" for="ch" forName="Child2" refType="w" fact="0.8804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r" for="ch" forName="Accent1" refType="w" fact="1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r" for="ch" forName="ParentBackground1" refType="w" fact="0.9789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r" for="ch" forName="Child1" refType="w" fact="0.9789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27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r" for="ch" forName="Parent11" refType="w" fact="0.0723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r" for="ch" forName="Parent10" refType="w" fact="0.162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r" for="ch" forName="Parent9" refType="w" fact="0.2517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r" for="ch" forName="Parent8" refType="w" fact="0.3414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r" for="ch" forName="Parent7" refType="w" fact="0.4311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r" for="ch" forName="Parent6" refType="w" fact="0.5208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r" for="ch" forName="Parent5" refType="w" fact="0.610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r" for="ch" forName="Parent4" refType="w" fact="0.7001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r" for="ch" forName="Parent3" refType="w" fact="0.7898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r" for="ch" forName="Parent2" refType="w" fact="0.879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r" for="ch" forName="Parent1" refType="w" fact="0.9692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r" for="ch" forName="Accent11" refType="w" fact="0.0868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r" for="ch" forName="ParentBackground11" refType="w" fact="0.0839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r" for="ch" forName="Child11" refType="w" fact="0.0839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r" for="ch" forName="Accent10" refType="w" fact="0.194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r" for="ch" forName="ParentBackground10" refType="w" fact="0.1736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r" for="ch" forName="Child10" refType="w" fact="0.1736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r" for="ch" forName="Accent9" refType="w" fact="0.2842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r" for="ch" forName="ParentBackground9" refType="w" fact="0.2633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r" for="ch" forName="Child9" refType="w" fact="0.2633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r" for="ch" forName="Accent8" refType="w" fact="0.3739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r" for="ch" forName="ParentBackground8" refType="w" fact="0.353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r" for="ch" forName="Child8" refType="w" fact="0.353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r" for="ch" forName="Accent7" refType="w" fact="0.4636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r" for="ch" forName="ParentBackground7" refType="w" fact="0.4427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r" for="ch" forName="Child7" refType="w" fact="0.4427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r" for="ch" forName="Accent6" refType="w" fact="0.5533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r" for="ch" forName="ParentBackground6" refType="w" fact="0.5323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r" for="ch" forName="Child6" refType="w" fact="0.5323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r" for="ch" forName="Accent5" refType="w" fact="0.6429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r" for="ch" forName="ParentBackground5" refType="w" fact="0.622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r" for="ch" forName="Child5" refType="w" fact="0.622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r" for="ch" forName="Accent4" refType="w" fact="0.7326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r" for="ch" forName="ParentBackground4" refType="w" fact="0.7117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r" for="ch" forName="Child4" refType="w" fact="0.7117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r" for="ch" forName="Accent3" refType="w" fact="0.8223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r" for="ch" forName="ParentBackground3" refType="w" fact="0.8014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r" for="ch" forName="Child3" refType="w" fact="0.8014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r" for="ch" forName="Accent2" refType="w" fact="0.912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r" for="ch" forName="ParentBackground2" refType="w" fact="0.8911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r" for="ch" forName="Child2" refType="w" fact="0.8911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r" for="ch" forName="Accent1" refType="w" fact="1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r" for="ch" forName="ParentBackground1" refType="w" fact="0.9808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r" for="ch" forName="Child1" refType="w" fact="0.9808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8">
            <dgm:if name="Name29" axis="followSib" ptType="node" func="cnt" op="equ" val="0">
              <dgm:shape xmlns:r="http://schemas.openxmlformats.org/officeDocument/2006/relationships" type="ellipse" r:blip="">
                <dgm:adjLst/>
              </dgm:shape>
            </dgm:if>
            <dgm:else name="Name30">
              <dgm:choose name="Name31">
                <dgm:if name="Name32" axis="precedSib" ptType="node" func="cnt" op="equ" val="10">
                  <dgm:shape xmlns:r="http://schemas.openxmlformats.org/officeDocument/2006/relationships" type="ellipse" r:blip="">
                    <dgm:adjLst/>
                  </dgm:shape>
                </dgm:if>
                <dgm:else name="Name33">
                  <dgm:choose name="Name34">
                    <dgm:if name="Name35" func="var" arg="dir" op="equ" val="norm">
                      <dgm:shape xmlns:r="http://schemas.openxmlformats.org/officeDocument/2006/relationships" rot="45" type="teardrop" r:blip="">
                        <dgm:adjLst>
                          <dgm:adj idx="1" val="1"/>
                        </dgm:adjLst>
                      </dgm:shape>
                    </dgm:if>
                    <dgm:else name="Name36">
                      <dgm:shape xmlns:r="http://schemas.openxmlformats.org/officeDocument/2006/relationships" rot="225" type="teardrop" r:blip="">
                        <dgm:adjLst>
                          <dgm:adj idx="1" val="1"/>
                        </dgm:adjLst>
                      </dgm:shape>
                    </dgm:else>
                  </dgm:choose>
                </dgm:else>
              </dgm:choose>
            </dgm:else>
          </dgm:choose>
          <dgm:presOf/>
        </dgm:layoutNode>
      </dgm:forEach>
      <dgm:forEach name="parentBackgroundRepeat" axis="self">
        <dgm:layoutNode name="ParentBackground" styleLbl="fgAcc1">
          <dgm:alg type="sp"/>
          <dgm:shape xmlns:r="http://schemas.openxmlformats.org/officeDocument/2006/relationships" type="ellipse" r:blip="">
            <dgm:adjLst/>
          </dgm:shape>
          <dgm:presOf axis="self" ptType="node"/>
        </dgm:layoutNode>
      </dgm:forEach>
    </dgm:forEach>
    <dgm:forEach name="Name37" axis="ch" ptType="node" st="11" cnt="1">
      <dgm:layoutNode name="Accent11">
        <dgm:alg type="sp"/>
        <dgm:shape xmlns:r="http://schemas.openxmlformats.org/officeDocument/2006/relationships" r:blip="">
          <dgm:adjLst/>
        </dgm:shape>
        <dgm:presOf/>
        <dgm:constrLst/>
        <dgm:forEach name="Name38" ref="accentRepeat"/>
      </dgm:layoutNode>
      <dgm:layoutNode name="ParentBackground11">
        <dgm:alg type="sp"/>
        <dgm:shape xmlns:r="http://schemas.openxmlformats.org/officeDocument/2006/relationships" r:blip="">
          <dgm:adjLst/>
        </dgm:shape>
        <dgm:presOf/>
        <dgm:forEach name="Name39" ref="parentBackgroundRepeat"/>
      </dgm:layoutNode>
      <dgm:choose name="Name40">
        <dgm:if name="Name41" axis="ch" ptType="node" func="cnt" op="gte" val="1">
          <dgm:layoutNode name="Child1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2"/>
      </dgm:choose>
      <dgm:layoutNode name="Parent1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3" axis="ch" ptType="node" st="10" cnt="1">
      <dgm:layoutNode name="Accent10">
        <dgm:alg type="sp"/>
        <dgm:shape xmlns:r="http://schemas.openxmlformats.org/officeDocument/2006/relationships" r:blip="">
          <dgm:adjLst/>
        </dgm:shape>
        <dgm:presOf/>
        <dgm:constrLst/>
        <dgm:forEach name="Name44" ref="accentRepeat"/>
      </dgm:layoutNode>
      <dgm:layoutNode name="ParentBackground10">
        <dgm:alg type="sp"/>
        <dgm:shape xmlns:r="http://schemas.openxmlformats.org/officeDocument/2006/relationships" r:blip="">
          <dgm:adjLst/>
        </dgm:shape>
        <dgm:presOf/>
        <dgm:forEach name="Name45" ref="parentBackgroundRepeat"/>
      </dgm:layoutNode>
      <dgm:choose name="Name46">
        <dgm:if name="Name47" axis="ch" ptType="node" func="cnt" op="gte" val="1">
          <dgm:layoutNode name="Child10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8"/>
      </dgm:choose>
      <dgm:layoutNode name="Parent10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9" axis="ch" ptType="node" st="9" cnt="1">
      <dgm:layoutNode name="Accent9">
        <dgm:alg type="sp"/>
        <dgm:shape xmlns:r="http://schemas.openxmlformats.org/officeDocument/2006/relationships" r:blip="">
          <dgm:adjLst/>
        </dgm:shape>
        <dgm:presOf/>
        <dgm:constrLst/>
        <dgm:forEach name="Name50" ref="accentRepeat"/>
      </dgm:layoutNode>
      <dgm:layoutNode name="ParentBackground9">
        <dgm:alg type="sp"/>
        <dgm:shape xmlns:r="http://schemas.openxmlformats.org/officeDocument/2006/relationships" r:blip="">
          <dgm:adjLst/>
        </dgm:shape>
        <dgm:presOf/>
        <dgm:forEach name="Name51" ref="parentBackgroundRepeat"/>
      </dgm:layoutNode>
      <dgm:choose name="Name52">
        <dgm:if name="Name53" axis="ch" ptType="node" func="cnt" op="gte" val="1">
          <dgm:layoutNode name="Child9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4"/>
      </dgm:choose>
      <dgm:layoutNode name="Parent9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55" axis="ch" ptType="node" st="8" cnt="1">
      <dgm:layoutNode name="Accent8">
        <dgm:alg type="sp"/>
        <dgm:shape xmlns:r="http://schemas.openxmlformats.org/officeDocument/2006/relationships" r:blip="">
          <dgm:adjLst/>
        </dgm:shape>
        <dgm:presOf/>
        <dgm:constrLst/>
        <dgm:forEach name="Name56" ref="accentRepeat"/>
      </dgm:layoutNode>
      <dgm:layoutNode name="ParentBackground8">
        <dgm:alg type="sp"/>
        <dgm:shape xmlns:r="http://schemas.openxmlformats.org/officeDocument/2006/relationships" r:blip="">
          <dgm:adjLst/>
        </dgm:shape>
        <dgm:presOf/>
        <dgm:forEach name="Name57" ref="parentBackgroundRepeat"/>
      </dgm:layoutNode>
      <dgm:choose name="Name58">
        <dgm:if name="Name59" axis="ch" ptType="node" func="cnt" op="gte" val="1">
          <dgm:layoutNode name="Child8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0"/>
      </dgm:choose>
      <dgm:layoutNode name="Parent8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1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62" ref="accentRepeat"/>
      </dgm:layoutNode>
      <dgm:layoutNode name="ParentBackground7">
        <dgm:alg type="sp"/>
        <dgm:shape xmlns:r="http://schemas.openxmlformats.org/officeDocument/2006/relationships" r:blip="">
          <dgm:adjLst/>
        </dgm:shape>
        <dgm:presOf/>
        <dgm:forEach name="Name63" ref="parentBackgroundRepeat"/>
      </dgm:layoutNode>
      <dgm:choose name="Name64">
        <dgm:if name="Name65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6"/>
      </dgm:choose>
      <dgm:layoutNode name="Parent7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7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68" ref="accentRepeat"/>
      </dgm:layoutNode>
      <dgm:layoutNode name="ParentBackground6">
        <dgm:alg type="sp"/>
        <dgm:shape xmlns:r="http://schemas.openxmlformats.org/officeDocument/2006/relationships" r:blip="">
          <dgm:adjLst/>
        </dgm:shape>
        <dgm:presOf/>
        <dgm:forEach name="Name69" ref="parentBackgroundRepeat"/>
      </dgm:layoutNode>
      <dgm:choose name="Name70">
        <dgm:if name="Name71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  <dgm:layoutNode name="Parent6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3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74" ref="accentRepeat"/>
      </dgm:layoutNode>
      <dgm:layoutNode name="ParentBackground5">
        <dgm:alg type="sp"/>
        <dgm:shape xmlns:r="http://schemas.openxmlformats.org/officeDocument/2006/relationships" r:blip="">
          <dgm:adjLst/>
        </dgm:shape>
        <dgm:presOf/>
        <dgm:forEach name="Name75" ref="parentBackgroundRepeat"/>
      </dgm:layoutNode>
      <dgm:choose name="Name76">
        <dgm:if name="Name77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8"/>
      </dgm:choose>
      <dgm:layoutNode name="Parent5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9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80" ref="accentRepeat"/>
      </dgm:layoutNode>
      <dgm:layoutNode name="ParentBackground4">
        <dgm:alg type="sp"/>
        <dgm:shape xmlns:r="http://schemas.openxmlformats.org/officeDocument/2006/relationships" r:blip="">
          <dgm:adjLst/>
        </dgm:shape>
        <dgm:presOf/>
        <dgm:forEach name="Name81" ref="parentBackgroundRepeat"/>
      </dgm:layoutNode>
      <dgm:choose name="Name82">
        <dgm:if name="Name8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4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layoutNode name="ParentBackground3">
        <dgm:alg type="sp"/>
        <dgm:shape xmlns:r="http://schemas.openxmlformats.org/officeDocument/2006/relationships" r:blip="">
          <dgm:adjLst/>
        </dgm:shape>
        <dgm:presOf/>
        <dgm:forEach name="Name87" ref="parentBackgroundRepeat"/>
      </dgm:layoutNode>
      <dgm:choose name="Name88">
        <dgm:if name="Name89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0"/>
      </dgm:choose>
      <dgm:layoutNode name="Parent3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1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92" ref="accentRepeat"/>
      </dgm:layoutNode>
      <dgm:layoutNode name="ParentBackground2" styleLbl="fgAcc1">
        <dgm:alg type="sp"/>
        <dgm:shape xmlns:r="http://schemas.openxmlformats.org/officeDocument/2006/relationships" r:blip="">
          <dgm:adjLst/>
        </dgm:shape>
        <dgm:presOf/>
        <dgm:forEach name="Name93" ref="parentBackgroundRepeat"/>
      </dgm:layoutNode>
      <dgm:choose name="Name94">
        <dgm:if name="Name95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6"/>
      </dgm:choose>
      <dgm:layoutNode name="Parent2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7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98" ref="accentRepeat"/>
      </dgm:layoutNode>
      <dgm:layoutNode name="ParentBackground1">
        <dgm:alg type="sp"/>
        <dgm:shape xmlns:r="http://schemas.openxmlformats.org/officeDocument/2006/relationships" r:blip="">
          <dgm:adjLst/>
        </dgm:shape>
        <dgm:presOf/>
        <dgm:forEach name="Name99" ref="parentBackgroundRepeat"/>
      </dgm:layoutNode>
      <dgm:choose name="Name100">
        <dgm:if name="Name101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102"/>
      </dgm:choose>
      <dgm:layoutNode name="Parent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42975</cdr:x>
      <cdr:y>0.60191</cdr:y>
    </cdr:from>
    <cdr:to>
      <cdr:x>0.60973</cdr:x>
      <cdr:y>0.68659</cdr:y>
    </cdr:to>
    <cdr:sp macro="" textlink="">
      <cdr:nvSpPr>
        <cdr:cNvPr id="2" name="TextBox 1">
          <a:extLst xmlns:a="http://schemas.openxmlformats.org/drawingml/2006/main">
            <a:ext uri="{FF2B5EF4-FFF2-40B4-BE49-F238E27FC236}">
              <a16:creationId xmlns:a16="http://schemas.microsoft.com/office/drawing/2014/main" id="{72DF0601-98F4-EE33-1E38-569F14641441}"/>
            </a:ext>
          </a:extLst>
        </cdr:cNvPr>
        <cdr:cNvSpPr txBox="1"/>
      </cdr:nvSpPr>
      <cdr:spPr>
        <a:xfrm xmlns:a="http://schemas.openxmlformats.org/drawingml/2006/main">
          <a:off x="4431731" y="2625157"/>
          <a:ext cx="1856096" cy="369332"/>
        </a:xfrm>
        <a:prstGeom xmlns:a="http://schemas.openxmlformats.org/drawingml/2006/main" prst="rect">
          <a:avLst/>
        </a:prstGeom>
        <a:noFill xmlns:a="http://schemas.openxmlformats.org/drawingml/2006/main"/>
      </cdr:spPr>
      <cdr:txBody>
        <a:bodyPr xmlns:a="http://schemas.openxmlformats.org/drawingml/2006/main" wrap="square" rtlCol="0">
          <a:spAutoFit/>
        </a:bodyPr>
        <a:lstStyle xmlns:a="http://schemas.openxmlformats.org/drawingml/2006/main">
          <a:defPPr>
            <a:defRPr lang="nb-NO"/>
          </a:defPPr>
          <a:lvl1pPr marL="0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177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355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532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709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5886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063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240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417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nb-NO" b="1" dirty="0"/>
            <a:t>3,3 </a:t>
          </a:r>
          <a:r>
            <a:rPr lang="nb-NO" b="1" dirty="0" err="1"/>
            <a:t>Mtonn</a:t>
          </a:r>
          <a:r>
            <a:rPr lang="nb-NO" b="1" dirty="0"/>
            <a:t> laks </a:t>
          </a:r>
        </a:p>
      </cdr:txBody>
    </cdr: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.633</cdr:x>
      <cdr:y>0.54336</cdr:y>
    </cdr:from>
    <cdr:to>
      <cdr:x>0.70504</cdr:x>
      <cdr:y>0.71214</cdr:y>
    </cdr:to>
    <cdr:sp macro="" textlink="">
      <cdr:nvSpPr>
        <cdr:cNvPr id="2" name="Arrow: Down 1">
          <a:extLst xmlns:a="http://schemas.openxmlformats.org/drawingml/2006/main">
            <a:ext uri="{FF2B5EF4-FFF2-40B4-BE49-F238E27FC236}">
              <a16:creationId xmlns:a16="http://schemas.microsoft.com/office/drawing/2014/main" id="{D7E82DE4-CEE2-151E-7CB3-3187DEAFF0E8}"/>
            </a:ext>
          </a:extLst>
        </cdr:cNvPr>
        <cdr:cNvSpPr/>
      </cdr:nvSpPr>
      <cdr:spPr>
        <a:xfrm xmlns:a="http://schemas.openxmlformats.org/drawingml/2006/main">
          <a:off x="7933827" y="3032828"/>
          <a:ext cx="902923" cy="942059"/>
        </a:xfrm>
        <a:prstGeom xmlns:a="http://schemas.openxmlformats.org/drawingml/2006/main" prst="downArrow">
          <a:avLst/>
        </a:prstGeom>
        <a:gradFill xmlns:a="http://schemas.openxmlformats.org/drawingml/2006/main" flip="none" rotWithShape="1">
          <a:gsLst>
            <a:gs pos="0">
              <a:schemeClr val="accent1">
                <a:shade val="30000"/>
                <a:satMod val="115000"/>
              </a:schemeClr>
            </a:gs>
            <a:gs pos="50000">
              <a:schemeClr val="accent1">
                <a:shade val="67500"/>
                <a:satMod val="115000"/>
              </a:schemeClr>
            </a:gs>
            <a:gs pos="100000">
              <a:schemeClr val="accent1">
                <a:shade val="100000"/>
                <a:satMod val="115000"/>
              </a:schemeClr>
            </a:gs>
          </a:gsLst>
          <a:lin ang="16200000" scaled="1"/>
          <a:tileRect/>
        </a:gradFill>
        <a:ln xmlns:a="http://schemas.openxmlformats.org/drawingml/2006/main">
          <a:noFill/>
        </a:ln>
      </cdr:spPr>
      <cdr:style>
        <a:lnRef xmlns:a="http://schemas.openxmlformats.org/drawingml/2006/main" idx="2">
          <a:schemeClr val="accent1">
            <a:shade val="15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rot="0" spcFirstLastPara="0" vert="horz" wrap="square" lIns="91440" tIns="45720" rIns="91440" bIns="45720" numCol="1" spcCol="0" rtlCol="0" fromWordArt="0" anchor="t" anchorCtr="0" forceAA="0" compatLnSpc="1">
          <a:prstTxWarp prst="textNoShape">
            <a:avLst/>
          </a:prstTxWarp>
          <a:noAutofit/>
        </a:bodyPr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l"/>
          <a:r>
            <a:rPr lang="nb-NO" sz="1100" b="1"/>
            <a:t>59%</a:t>
          </a:r>
        </a:p>
      </cdr:txBody>
    </cdr:sp>
  </cdr:relSizeAnchor>
  <cdr:relSizeAnchor xmlns:cdr="http://schemas.openxmlformats.org/drawingml/2006/chartDrawing">
    <cdr:from>
      <cdr:x>0.89016</cdr:x>
      <cdr:y>0.21705</cdr:y>
    </cdr:from>
    <cdr:to>
      <cdr:x>0.96096</cdr:x>
      <cdr:y>0.56896</cdr:y>
    </cdr:to>
    <cdr:sp macro="" textlink="">
      <cdr:nvSpPr>
        <cdr:cNvPr id="3" name="Arrow: Down 2">
          <a:extLst xmlns:a="http://schemas.openxmlformats.org/drawingml/2006/main">
            <a:ext uri="{FF2B5EF4-FFF2-40B4-BE49-F238E27FC236}">
              <a16:creationId xmlns:a16="http://schemas.microsoft.com/office/drawing/2014/main" id="{D7E82DE4-CEE2-151E-7CB3-3187DEAFF0E8}"/>
            </a:ext>
          </a:extLst>
        </cdr:cNvPr>
        <cdr:cNvSpPr/>
      </cdr:nvSpPr>
      <cdr:spPr>
        <a:xfrm xmlns:a="http://schemas.openxmlformats.org/drawingml/2006/main">
          <a:off x="11156976" y="1211476"/>
          <a:ext cx="887381" cy="1964215"/>
        </a:xfrm>
        <a:prstGeom xmlns:a="http://schemas.openxmlformats.org/drawingml/2006/main" prst="downArrow">
          <a:avLst/>
        </a:prstGeom>
        <a:gradFill xmlns:a="http://schemas.openxmlformats.org/drawingml/2006/main" flip="none" rotWithShape="1">
          <a:gsLst>
            <a:gs pos="0">
              <a:schemeClr val="accent1">
                <a:shade val="30000"/>
                <a:satMod val="115000"/>
              </a:schemeClr>
            </a:gs>
            <a:gs pos="50000">
              <a:schemeClr val="accent1">
                <a:shade val="67500"/>
                <a:satMod val="115000"/>
              </a:schemeClr>
            </a:gs>
            <a:gs pos="100000">
              <a:schemeClr val="accent1">
                <a:shade val="100000"/>
                <a:satMod val="115000"/>
              </a:schemeClr>
            </a:gs>
          </a:gsLst>
          <a:lin ang="16200000" scaled="1"/>
          <a:tileRect/>
        </a:gradFill>
        <a:ln xmlns:a="http://schemas.openxmlformats.org/drawingml/2006/main">
          <a:noFill/>
        </a:ln>
      </cdr:spPr>
      <cdr:style>
        <a:lnRef xmlns:a="http://schemas.openxmlformats.org/drawingml/2006/main" idx="2">
          <a:schemeClr val="accent1">
            <a:shade val="15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rot="0" spcFirstLastPara="0" vert="horz" wrap="square" lIns="91440" tIns="45720" rIns="91440" bIns="45720" numCol="1" spcCol="0" rtlCol="0" fromWordArt="0" anchor="t" anchorCtr="0" forceAA="0" compatLnSpc="1">
          <a:prstTxWarp prst="textNoShape">
            <a:avLst/>
          </a:prstTxWarp>
          <a:noAutofit/>
        </a:bodyPr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l"/>
          <a:r>
            <a:rPr lang="nb-NO" sz="1100" b="1"/>
            <a:t>55%</a:t>
          </a:r>
        </a:p>
      </cdr:txBody>
    </cdr:sp>
  </cdr:relSizeAnchor>
  <cdr:relSizeAnchor xmlns:cdr="http://schemas.openxmlformats.org/drawingml/2006/chartDrawing">
    <cdr:from>
      <cdr:x>0.37708</cdr:x>
      <cdr:y>0.59185</cdr:y>
    </cdr:from>
    <cdr:to>
      <cdr:x>0.44913</cdr:x>
      <cdr:y>0.73801</cdr:y>
    </cdr:to>
    <cdr:sp macro="" textlink="">
      <cdr:nvSpPr>
        <cdr:cNvPr id="4" name="Arrow: Down 3">
          <a:extLst xmlns:a="http://schemas.openxmlformats.org/drawingml/2006/main">
            <a:ext uri="{FF2B5EF4-FFF2-40B4-BE49-F238E27FC236}">
              <a16:creationId xmlns:a16="http://schemas.microsoft.com/office/drawing/2014/main" id="{D9B9AA04-2C70-8B09-F893-CC380AA06DA7}"/>
            </a:ext>
          </a:extLst>
        </cdr:cNvPr>
        <cdr:cNvSpPr/>
      </cdr:nvSpPr>
      <cdr:spPr>
        <a:xfrm xmlns:a="http://schemas.openxmlformats.org/drawingml/2006/main">
          <a:off x="4726179" y="3303471"/>
          <a:ext cx="903047" cy="815804"/>
        </a:xfrm>
        <a:prstGeom xmlns:a="http://schemas.openxmlformats.org/drawingml/2006/main" prst="downArrow">
          <a:avLst/>
        </a:prstGeom>
        <a:gradFill xmlns:a="http://schemas.openxmlformats.org/drawingml/2006/main" flip="none" rotWithShape="1">
          <a:gsLst>
            <a:gs pos="0">
              <a:schemeClr val="accent1">
                <a:shade val="30000"/>
                <a:satMod val="115000"/>
              </a:schemeClr>
            </a:gs>
            <a:gs pos="50000">
              <a:schemeClr val="accent1">
                <a:shade val="67500"/>
                <a:satMod val="115000"/>
              </a:schemeClr>
            </a:gs>
            <a:gs pos="100000">
              <a:schemeClr val="accent1">
                <a:shade val="100000"/>
                <a:satMod val="115000"/>
              </a:schemeClr>
            </a:gs>
          </a:gsLst>
          <a:lin ang="16200000" scaled="1"/>
          <a:tileRect/>
        </a:gradFill>
        <a:ln xmlns:a="http://schemas.openxmlformats.org/drawingml/2006/main">
          <a:noFill/>
        </a:ln>
      </cdr:spPr>
      <cdr:style>
        <a:lnRef xmlns:a="http://schemas.openxmlformats.org/drawingml/2006/main" idx="2">
          <a:schemeClr val="accent1">
            <a:shade val="15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rot="0" spcFirstLastPara="0" vert="horz" wrap="square" lIns="91440" tIns="45720" rIns="91440" bIns="45720" numCol="1" spcCol="0" rtlCol="0" fromWordArt="0" anchor="t" anchorCtr="0" forceAA="0" compatLnSpc="1">
          <a:prstTxWarp prst="textNoShape">
            <a:avLst/>
          </a:prstTxWarp>
          <a:noAutofit/>
        </a:bodyPr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l"/>
          <a:r>
            <a:rPr lang="nb-NO" sz="1100" b="1" dirty="0"/>
            <a:t>62%</a:t>
          </a: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08.12.2024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08.12.2024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9644416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I den Input Output analysen har vi tatt for oss endringer i total norsk aktivitet i 1 år, fra basisscenario. </a:t>
            </a:r>
          </a:p>
          <a:p>
            <a:endParaRPr lang="nb-NO"/>
          </a:p>
          <a:p>
            <a:endParaRPr lang="nb-NO"/>
          </a:p>
          <a:p>
            <a:r>
              <a:rPr lang="nb-NO"/>
              <a:t>Figuren viser endringer i årlig resultat i 2050 i forholdt til basisscenario.</a:t>
            </a:r>
          </a:p>
          <a:p>
            <a:r>
              <a:rPr lang="nb-NO"/>
              <a:t>Vi husker at basisscenario hadde forutsatt en vekst i havbruksnæringen av 20%. </a:t>
            </a:r>
          </a:p>
          <a:p>
            <a:r>
              <a:rPr lang="nb-NO"/>
              <a:t>Likedan scenario 2. </a:t>
            </a:r>
          </a:p>
          <a:p>
            <a:r>
              <a:rPr lang="nb-NO"/>
              <a:t>I forhold til basisscenario ser vi en nedgang i antall ansatte i scenario 1 og en økning i scenario 3. </a:t>
            </a:r>
          </a:p>
          <a:p>
            <a:r>
              <a:rPr lang="nb-NO"/>
              <a:t>Vi ser kun minimale endringer i scenario 2. </a:t>
            </a:r>
          </a:p>
          <a:p>
            <a:r>
              <a:rPr lang="nb-NO"/>
              <a:t>Grunnen til dette er at endringer i ansatte som følge ulike </a:t>
            </a:r>
            <a:r>
              <a:rPr lang="nb-NO" err="1"/>
              <a:t>technologier</a:t>
            </a:r>
            <a:r>
              <a:rPr lang="nb-NO"/>
              <a:t> er ubetydelig sammenlignet med endringer i mengde. Det er kun 12% av de totale endringer i antall ansatte i akvakultursektoren. Resten fordeler seg over hele det norske økonomien.</a:t>
            </a:r>
          </a:p>
          <a:p>
            <a:r>
              <a:rPr lang="nb-NO"/>
              <a:t>Andelen av endringene i antall ansatte er større jo nærmere den sektoren er knyttet til akvakultursektoren, men også av hvor arbeidsintensiv en sektor er. </a:t>
            </a:r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0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2471745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5268620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err="1"/>
              <a:t>Petroleaum</a:t>
            </a:r>
            <a:r>
              <a:rPr lang="nb-NO"/>
              <a:t> mm. </a:t>
            </a:r>
            <a:r>
              <a:rPr lang="nb-NO" err="1"/>
              <a:t>Includes</a:t>
            </a:r>
            <a:r>
              <a:rPr lang="nb-NO"/>
              <a:t> as </a:t>
            </a:r>
            <a:r>
              <a:rPr lang="nb-NO" err="1"/>
              <a:t>well</a:t>
            </a:r>
            <a:r>
              <a:rPr lang="nb-NO"/>
              <a:t> </a:t>
            </a:r>
            <a:r>
              <a:rPr lang="nb-NO" err="1"/>
              <a:t>production</a:t>
            </a:r>
            <a:r>
              <a:rPr lang="nb-NO"/>
              <a:t> </a:t>
            </a:r>
            <a:r>
              <a:rPr lang="nb-NO" err="1"/>
              <a:t>of</a:t>
            </a:r>
            <a:r>
              <a:rPr lang="nb-NO"/>
              <a:t> </a:t>
            </a:r>
            <a:r>
              <a:rPr lang="nb-NO" err="1"/>
              <a:t>farmasøytika</a:t>
            </a:r>
            <a:r>
              <a:rPr lang="nb-NO"/>
              <a:t> – men siden det ikke er skilt fra hverandre kan vi ikke gi noe utsagn på hvilken andel som tilfaller hva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2462722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2582532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34538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1200">
                <a:ln w="0"/>
                <a:solidFill>
                  <a:schemeClr val="accent5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Calibri" panose="020F0502020204030204" pitchFamily="34" charset="0"/>
                <a:ea typeface="Aptos" panose="020B0004020202020204" pitchFamily="34" charset="0"/>
              </a:rPr>
              <a:t>Hovedformålet med arbeidet er å undersøke påvirkningen på klima, miljø og natur ved forskjellige produksjonsformer for lakseoppdrett og gi klare vurderinger på sosial og økonomisk bærekraft.</a:t>
            </a:r>
            <a:endParaRPr lang="nb-NO" sz="1200">
              <a:ln w="0"/>
              <a:solidFill>
                <a:schemeClr val="accent5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</a:endParaRPr>
          </a:p>
          <a:p>
            <a:r>
              <a:rPr lang="nb-NO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5052754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Det er flere delrapporter som er publisert som har ulike fokusområder. </a:t>
            </a:r>
            <a:br>
              <a:rPr lang="nb-NO"/>
            </a:br>
            <a:br>
              <a:rPr lang="nb-NO"/>
            </a:br>
            <a:r>
              <a:rPr lang="nb-NO"/>
              <a:t>MEP is the </a:t>
            </a:r>
            <a:r>
              <a:rPr lang="nb-NO" err="1"/>
              <a:t>impact</a:t>
            </a:r>
            <a:r>
              <a:rPr lang="nb-NO"/>
              <a:t> </a:t>
            </a:r>
            <a:r>
              <a:rPr lang="nb-NO" err="1"/>
              <a:t>that</a:t>
            </a:r>
            <a:r>
              <a:rPr lang="nb-NO"/>
              <a:t> </a:t>
            </a:r>
            <a:r>
              <a:rPr lang="nb-NO" err="1"/>
              <a:t>measures</a:t>
            </a:r>
            <a:r>
              <a:rPr lang="nb-NO"/>
              <a:t> the risk or </a:t>
            </a:r>
            <a:r>
              <a:rPr lang="nb-NO" err="1"/>
              <a:t>potential</a:t>
            </a:r>
            <a:r>
              <a:rPr lang="nb-NO"/>
              <a:t> of </a:t>
            </a:r>
            <a:r>
              <a:rPr lang="nb-NO" err="1"/>
              <a:t>eutrophication</a:t>
            </a:r>
            <a:r>
              <a:rPr lang="nb-NO"/>
              <a:t> </a:t>
            </a:r>
            <a:r>
              <a:rPr lang="nb-NO" err="1"/>
              <a:t>which</a:t>
            </a:r>
            <a:r>
              <a:rPr lang="nb-NO"/>
              <a:t> </a:t>
            </a:r>
            <a:r>
              <a:rPr lang="nb-NO" err="1"/>
              <a:t>means</a:t>
            </a:r>
            <a:r>
              <a:rPr lang="nb-NO"/>
              <a:t> – </a:t>
            </a:r>
            <a:r>
              <a:rPr lang="nb-NO" err="1"/>
              <a:t>overfertilizing</a:t>
            </a:r>
            <a:r>
              <a:rPr lang="nb-NO"/>
              <a:t>, in marine </a:t>
            </a:r>
            <a:r>
              <a:rPr lang="nb-NO" err="1"/>
              <a:t>waterboidies</a:t>
            </a:r>
            <a:r>
              <a:rPr lang="nb-NO"/>
              <a:t>, nitrogen is a </a:t>
            </a:r>
            <a:r>
              <a:rPr lang="nb-NO" err="1"/>
              <a:t>limiting</a:t>
            </a:r>
            <a:r>
              <a:rPr lang="nb-NO"/>
              <a:t> </a:t>
            </a:r>
            <a:r>
              <a:rPr lang="nb-NO" err="1"/>
              <a:t>factor</a:t>
            </a:r>
            <a:r>
              <a:rPr lang="nb-NO"/>
              <a:t>. </a:t>
            </a:r>
            <a:r>
              <a:rPr lang="nb-NO" err="1"/>
              <a:t>Europhication</a:t>
            </a:r>
            <a:r>
              <a:rPr lang="nb-NO"/>
              <a:t> </a:t>
            </a:r>
            <a:r>
              <a:rPr lang="nb-NO" err="1"/>
              <a:t>can</a:t>
            </a:r>
            <a:r>
              <a:rPr lang="nb-NO"/>
              <a:t> lead to </a:t>
            </a:r>
            <a:r>
              <a:rPr lang="nb-NO" err="1"/>
              <a:t>increased</a:t>
            </a:r>
            <a:r>
              <a:rPr lang="nb-NO"/>
              <a:t> </a:t>
            </a:r>
            <a:r>
              <a:rPr lang="nb-NO" err="1"/>
              <a:t>growth</a:t>
            </a:r>
            <a:r>
              <a:rPr lang="nb-NO"/>
              <a:t> of </a:t>
            </a:r>
            <a:r>
              <a:rPr lang="nb-NO" err="1"/>
              <a:t>algae</a:t>
            </a:r>
            <a:r>
              <a:rPr lang="nb-NO"/>
              <a:t> and </a:t>
            </a:r>
            <a:r>
              <a:rPr lang="nb-NO" err="1"/>
              <a:t>reduced</a:t>
            </a:r>
            <a:r>
              <a:rPr lang="nb-NO"/>
              <a:t> </a:t>
            </a:r>
            <a:r>
              <a:rPr lang="nb-NO" err="1"/>
              <a:t>level</a:t>
            </a:r>
            <a:r>
              <a:rPr lang="nb-NO"/>
              <a:t> of </a:t>
            </a:r>
            <a:r>
              <a:rPr lang="nb-NO" err="1"/>
              <a:t>oxygen</a:t>
            </a:r>
            <a:r>
              <a:rPr lang="nb-NO"/>
              <a:t> </a:t>
            </a:r>
            <a:r>
              <a:rPr lang="nb-NO" err="1"/>
              <a:t>which</a:t>
            </a:r>
            <a:r>
              <a:rPr lang="nb-NO"/>
              <a:t> in time leads to </a:t>
            </a:r>
            <a:r>
              <a:rPr lang="nb-NO" err="1"/>
              <a:t>death</a:t>
            </a:r>
            <a:r>
              <a:rPr lang="nb-NO"/>
              <a:t> of marine </a:t>
            </a:r>
            <a:r>
              <a:rPr lang="nb-NO" err="1"/>
              <a:t>organisms</a:t>
            </a:r>
            <a:r>
              <a:rPr lang="nb-NO"/>
              <a:t> </a:t>
            </a:r>
          </a:p>
          <a:p>
            <a:r>
              <a:rPr lang="nb-NO"/>
              <a:t>The </a:t>
            </a:r>
            <a:r>
              <a:rPr lang="nb-NO" err="1"/>
              <a:t>norwegian</a:t>
            </a:r>
            <a:r>
              <a:rPr lang="nb-NO"/>
              <a:t> </a:t>
            </a:r>
            <a:r>
              <a:rPr lang="nb-NO" err="1"/>
              <a:t>coast</a:t>
            </a:r>
            <a:r>
              <a:rPr lang="nb-NO"/>
              <a:t> has </a:t>
            </a:r>
            <a:r>
              <a:rPr lang="nb-NO" err="1"/>
              <a:t>usually</a:t>
            </a:r>
            <a:r>
              <a:rPr lang="nb-NO"/>
              <a:t> </a:t>
            </a:r>
            <a:r>
              <a:rPr lang="nb-NO" err="1"/>
              <a:t>good</a:t>
            </a:r>
            <a:r>
              <a:rPr lang="nb-NO"/>
              <a:t> </a:t>
            </a:r>
            <a:r>
              <a:rPr lang="nb-NO" err="1"/>
              <a:t>currents</a:t>
            </a:r>
            <a:r>
              <a:rPr lang="nb-NO"/>
              <a:t>, and the </a:t>
            </a:r>
            <a:r>
              <a:rPr lang="nb-NO" err="1"/>
              <a:t>eutrophication</a:t>
            </a:r>
            <a:r>
              <a:rPr lang="nb-NO"/>
              <a:t> risk is </a:t>
            </a:r>
            <a:r>
              <a:rPr lang="nb-NO" err="1"/>
              <a:t>limitied</a:t>
            </a:r>
            <a:r>
              <a:rPr lang="nb-NO"/>
              <a:t>, </a:t>
            </a:r>
            <a:r>
              <a:rPr lang="nb-NO" err="1"/>
              <a:t>except</a:t>
            </a:r>
            <a:r>
              <a:rPr lang="nb-NO"/>
              <a:t> for fjords </a:t>
            </a:r>
            <a:r>
              <a:rPr lang="nb-NO" err="1"/>
              <a:t>with</a:t>
            </a:r>
            <a:r>
              <a:rPr lang="nb-NO"/>
              <a:t> </a:t>
            </a:r>
            <a:r>
              <a:rPr lang="nb-NO" err="1"/>
              <a:t>little</a:t>
            </a:r>
            <a:r>
              <a:rPr lang="nb-NO"/>
              <a:t> to </a:t>
            </a:r>
            <a:r>
              <a:rPr lang="nb-NO" err="1"/>
              <a:t>no</a:t>
            </a:r>
            <a:r>
              <a:rPr lang="nb-NO"/>
              <a:t> water </a:t>
            </a:r>
            <a:r>
              <a:rPr lang="nb-NO" err="1"/>
              <a:t>exchange</a:t>
            </a:r>
            <a:r>
              <a:rPr lang="nb-NO"/>
              <a:t> </a:t>
            </a:r>
          </a:p>
          <a:p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/>
              <a:t>METP </a:t>
            </a:r>
            <a:r>
              <a:rPr lang="nb-NO" sz="1800" b="0" i="0" u="none" strike="noStrike" baseline="0" err="1">
                <a:solidFill>
                  <a:srgbClr val="000000"/>
                </a:solidFill>
                <a:latin typeface="Calibri" panose="020F0502020204030204" pitchFamily="34" charset="0"/>
              </a:rPr>
              <a:t>Indicates</a:t>
            </a:r>
            <a:r>
              <a:rPr lang="nb-NO" sz="1800" b="0" i="0" u="none" strike="noStrike" baseline="0">
                <a:solidFill>
                  <a:srgbClr val="000000"/>
                </a:solidFill>
                <a:latin typeface="Calibri" panose="020F0502020204030204" pitchFamily="34" charset="0"/>
              </a:rPr>
              <a:t> the </a:t>
            </a:r>
            <a:r>
              <a:rPr lang="nb-NO" sz="1800" b="0" i="0" u="none" strike="noStrike" baseline="0" err="1">
                <a:solidFill>
                  <a:srgbClr val="000000"/>
                </a:solidFill>
                <a:latin typeface="Calibri" panose="020F0502020204030204" pitchFamily="34" charset="0"/>
              </a:rPr>
              <a:t>potential</a:t>
            </a:r>
            <a:r>
              <a:rPr lang="nb-NO" sz="1800" b="0" i="0" u="none" strike="noStrike" baseline="0">
                <a:solidFill>
                  <a:srgbClr val="000000"/>
                </a:solidFill>
                <a:latin typeface="Calibri" panose="020F0502020204030204" pitchFamily="34" charset="0"/>
              </a:rPr>
              <a:t> </a:t>
            </a:r>
            <a:r>
              <a:rPr lang="nb-NO" sz="1800" b="0" i="0" u="none" strike="noStrike" baseline="0" err="1">
                <a:solidFill>
                  <a:srgbClr val="000000"/>
                </a:solidFill>
                <a:latin typeface="Calibri" panose="020F0502020204030204" pitchFamily="34" charset="0"/>
              </a:rPr>
              <a:t>impact</a:t>
            </a:r>
            <a:r>
              <a:rPr lang="nb-NO" sz="1800" b="0" i="0" u="none" strike="noStrike" baseline="0">
                <a:solidFill>
                  <a:srgbClr val="000000"/>
                </a:solidFill>
                <a:latin typeface="Calibri" panose="020F0502020204030204" pitchFamily="34" charset="0"/>
              </a:rPr>
              <a:t> on marine/</a:t>
            </a:r>
            <a:r>
              <a:rPr lang="nb-NO" sz="1800" b="0" i="0" u="none" strike="noStrike" baseline="0" err="1">
                <a:solidFill>
                  <a:srgbClr val="000000"/>
                </a:solidFill>
                <a:latin typeface="Calibri" panose="020F0502020204030204" pitchFamily="34" charset="0"/>
              </a:rPr>
              <a:t>freshwater</a:t>
            </a:r>
            <a:r>
              <a:rPr lang="nb-NO" sz="1800" b="0" i="0" u="none" strike="noStrike" baseline="0">
                <a:solidFill>
                  <a:srgbClr val="000000"/>
                </a:solidFill>
                <a:latin typeface="Calibri" panose="020F0502020204030204" pitchFamily="34" charset="0"/>
              </a:rPr>
              <a:t> </a:t>
            </a:r>
            <a:r>
              <a:rPr lang="nb-NO" sz="1800" b="0" i="0" u="none" strike="noStrike" baseline="0" err="1">
                <a:solidFill>
                  <a:srgbClr val="000000"/>
                </a:solidFill>
                <a:latin typeface="Calibri" panose="020F0502020204030204" pitchFamily="34" charset="0"/>
              </a:rPr>
              <a:t>organisms</a:t>
            </a:r>
            <a:r>
              <a:rPr lang="nb-NO" sz="1800" b="0" i="0" u="none" strike="noStrike" baseline="0">
                <a:solidFill>
                  <a:srgbClr val="000000"/>
                </a:solidFill>
                <a:latin typeface="Calibri" panose="020F0502020204030204" pitchFamily="34" charset="0"/>
              </a:rPr>
              <a:t> due to </a:t>
            </a:r>
            <a:r>
              <a:rPr lang="nb-NO" sz="1800" b="0" i="0" u="none" strike="noStrike" baseline="0" err="1">
                <a:solidFill>
                  <a:srgbClr val="000000"/>
                </a:solidFill>
                <a:latin typeface="Calibri" panose="020F0502020204030204" pitchFamily="34" charset="0"/>
              </a:rPr>
              <a:t>toxic</a:t>
            </a:r>
            <a:r>
              <a:rPr lang="nb-NO" sz="1800" b="0" i="0" u="none" strike="noStrike" baseline="0">
                <a:solidFill>
                  <a:srgbClr val="000000"/>
                </a:solidFill>
                <a:latin typeface="Calibri" panose="020F0502020204030204" pitchFamily="34" charset="0"/>
              </a:rPr>
              <a:t> </a:t>
            </a:r>
            <a:r>
              <a:rPr lang="nb-NO" sz="1800" b="0" i="0" u="none" strike="noStrike" baseline="0" err="1">
                <a:solidFill>
                  <a:srgbClr val="000000"/>
                </a:solidFill>
                <a:latin typeface="Calibri" panose="020F0502020204030204" pitchFamily="34" charset="0"/>
              </a:rPr>
              <a:t>substances</a:t>
            </a:r>
            <a:r>
              <a:rPr lang="nb-NO" sz="1800" b="0" i="0" u="none" strike="noStrike" baseline="0">
                <a:solidFill>
                  <a:srgbClr val="000000"/>
                </a:solidFill>
                <a:latin typeface="Calibri" panose="020F0502020204030204" pitchFamily="34" charset="0"/>
              </a:rPr>
              <a:t> </a:t>
            </a:r>
            <a:r>
              <a:rPr lang="nb-NO" sz="1800" b="0" i="0" u="none" strike="noStrike" baseline="0" err="1">
                <a:solidFill>
                  <a:srgbClr val="000000"/>
                </a:solidFill>
                <a:latin typeface="Calibri" panose="020F0502020204030204" pitchFamily="34" charset="0"/>
              </a:rPr>
              <a:t>emitted</a:t>
            </a:r>
            <a:r>
              <a:rPr lang="nb-NO" sz="1800" b="0" i="0" u="none" strike="noStrike" baseline="0">
                <a:solidFill>
                  <a:srgbClr val="000000"/>
                </a:solidFill>
                <a:latin typeface="Calibri" panose="020F0502020204030204" pitchFamily="34" charset="0"/>
              </a:rPr>
              <a:t> to the </a:t>
            </a:r>
            <a:r>
              <a:rPr lang="nb-NO" sz="1800" b="0" i="0" u="none" strike="noStrike" baseline="0" err="1">
                <a:solidFill>
                  <a:srgbClr val="000000"/>
                </a:solidFill>
                <a:latin typeface="Calibri" panose="020F0502020204030204" pitchFamily="34" charset="0"/>
              </a:rPr>
              <a:t>environment</a:t>
            </a:r>
            <a:r>
              <a:rPr lang="nb-NO" sz="1800" b="0" i="0" u="none" strike="noStrike" baseline="0">
                <a:solidFill>
                  <a:srgbClr val="000000"/>
                </a:solidFill>
                <a:latin typeface="Calibri" panose="020F0502020204030204" pitchFamily="34" charset="0"/>
              </a:rPr>
              <a:t> 	</a:t>
            </a:r>
          </a:p>
          <a:p>
            <a:endParaRPr lang="nb-NO"/>
          </a:p>
          <a:p>
            <a:endParaRPr lang="nb-NO"/>
          </a:p>
          <a:p>
            <a:r>
              <a:rPr lang="nb-NO">
                <a:highlight>
                  <a:srgbClr val="FFFFFF"/>
                </a:highlight>
              </a:rPr>
              <a:t>Anti-</a:t>
            </a:r>
            <a:r>
              <a:rPr lang="nb-NO" err="1">
                <a:highlight>
                  <a:srgbClr val="FFFFFF"/>
                </a:highlight>
              </a:rPr>
              <a:t>fouling</a:t>
            </a:r>
            <a:r>
              <a:rPr lang="nb-NO">
                <a:highlight>
                  <a:srgbClr val="FFFFFF"/>
                </a:highlight>
              </a:rPr>
              <a:t> agents </a:t>
            </a:r>
            <a:r>
              <a:rPr lang="nb-NO" err="1">
                <a:highlight>
                  <a:srgbClr val="FFFFFF"/>
                </a:highlight>
              </a:rPr>
              <a:t>are</a:t>
            </a:r>
            <a:r>
              <a:rPr lang="nb-NO">
                <a:highlight>
                  <a:srgbClr val="FFFFFF"/>
                </a:highlight>
              </a:rPr>
              <a:t> the </a:t>
            </a:r>
            <a:r>
              <a:rPr lang="nb-NO" err="1">
                <a:highlight>
                  <a:srgbClr val="FFFFFF"/>
                </a:highlight>
              </a:rPr>
              <a:t>main</a:t>
            </a:r>
            <a:r>
              <a:rPr lang="nb-NO">
                <a:highlight>
                  <a:srgbClr val="FFFFFF"/>
                </a:highlight>
              </a:rPr>
              <a:t> drivers</a:t>
            </a:r>
          </a:p>
          <a:p>
            <a:r>
              <a:rPr lang="nb-NO" err="1"/>
              <a:t>Copper</a:t>
            </a:r>
            <a:r>
              <a:rPr lang="nb-NO"/>
              <a:t> and </a:t>
            </a:r>
            <a:r>
              <a:rPr lang="nb-NO" err="1"/>
              <a:t>tralopyril</a:t>
            </a:r>
            <a:r>
              <a:rPr lang="nb-NO"/>
              <a:t> </a:t>
            </a:r>
            <a:r>
              <a:rPr lang="nb-NO" err="1"/>
              <a:t>are</a:t>
            </a:r>
            <a:r>
              <a:rPr lang="nb-NO"/>
              <a:t> </a:t>
            </a:r>
            <a:r>
              <a:rPr lang="nb-NO" err="1"/>
              <a:t>included</a:t>
            </a:r>
            <a:r>
              <a:rPr lang="nb-NO"/>
              <a:t> </a:t>
            </a:r>
            <a:r>
              <a:rPr lang="nb-NO" err="1"/>
              <a:t>based</a:t>
            </a:r>
            <a:r>
              <a:rPr lang="nb-NO"/>
              <a:t> on </a:t>
            </a:r>
            <a:r>
              <a:rPr lang="nb-NO" err="1"/>
              <a:t>literature</a:t>
            </a:r>
            <a:r>
              <a:rPr lang="nb-NO"/>
              <a:t> </a:t>
            </a:r>
            <a:r>
              <a:rPr lang="nb-NO" err="1"/>
              <a:t>values</a:t>
            </a:r>
            <a:r>
              <a:rPr lang="nb-NO"/>
              <a:t> </a:t>
            </a:r>
          </a:p>
          <a:p>
            <a:r>
              <a:rPr lang="nb-NO" err="1"/>
              <a:t>Assumed</a:t>
            </a:r>
            <a:r>
              <a:rPr lang="nb-NO"/>
              <a:t> </a:t>
            </a:r>
            <a:r>
              <a:rPr lang="nb-NO" err="1"/>
              <a:t>nets</a:t>
            </a:r>
            <a:r>
              <a:rPr lang="nb-NO"/>
              <a:t> </a:t>
            </a:r>
            <a:r>
              <a:rPr lang="nb-NO" err="1"/>
              <a:t>with</a:t>
            </a:r>
            <a:r>
              <a:rPr lang="nb-NO"/>
              <a:t> </a:t>
            </a:r>
            <a:r>
              <a:rPr lang="nb-NO" err="1"/>
              <a:t>integrated</a:t>
            </a:r>
            <a:r>
              <a:rPr lang="nb-NO"/>
              <a:t> </a:t>
            </a:r>
            <a:r>
              <a:rPr lang="nb-NO" err="1"/>
              <a:t>copper</a:t>
            </a:r>
            <a:r>
              <a:rPr lang="nb-NO"/>
              <a:t> for offshore/</a:t>
            </a:r>
            <a:r>
              <a:rPr lang="nb-NO" err="1"/>
              <a:t>exposed</a:t>
            </a:r>
            <a:r>
              <a:rPr lang="nb-NO"/>
              <a:t>, not </a:t>
            </a:r>
            <a:r>
              <a:rPr lang="nb-NO" err="1"/>
              <a:t>modelled</a:t>
            </a:r>
            <a:r>
              <a:rPr lang="nb-NO"/>
              <a:t> </a:t>
            </a:r>
            <a:r>
              <a:rPr lang="nb-NO" err="1"/>
              <a:t>emissions</a:t>
            </a:r>
            <a:r>
              <a:rPr lang="nb-NO"/>
              <a:t> or </a:t>
            </a:r>
            <a:r>
              <a:rPr lang="nb-NO" err="1"/>
              <a:t>leakage</a:t>
            </a:r>
            <a:endParaRPr lang="nb-NO"/>
          </a:p>
          <a:p>
            <a:r>
              <a:rPr lang="nb-NO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1807955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Figuren viser at the total klimautslipp fra hele næringen inkludert transport til konsumenter i andre land er estimert til 5,2 mil tonn CO2 </a:t>
            </a:r>
            <a:r>
              <a:rPr lang="nb-NO" err="1"/>
              <a:t>ekv</a:t>
            </a:r>
            <a:r>
              <a:rPr lang="nb-NO"/>
              <a:t>. De ulike deler i verdikjeden viser at verdikjeden for fôr og transport viser s</a:t>
            </a:r>
          </a:p>
          <a:p>
            <a:r>
              <a:rPr lang="nb-NO"/>
              <a:t>tørst utslipp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0" i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Det er ikke nok å arbeide for å redusere utslippene fra norsk territorium. Norges innsats for å redusere utslipp andre steder, blant annet knyttet til norsk eksport, norsk import, bistand og teknologiutvikling må samordnes og intensiveres</a:t>
            </a:r>
            <a:r>
              <a:rPr lang="nb-NO" b="1" i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.</a:t>
            </a:r>
            <a:r>
              <a:rPr lang="nb-NO" b="0" i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Det er også vesentlig at klimapolitikken ses i sammenheng med naturkrisen og politikk for bærekraftig bruk av arealer både på land og til havs.</a:t>
            </a:r>
            <a:endParaRPr lang="nb-NO"/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2726485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Produksjon i sjø (</a:t>
            </a:r>
            <a:r>
              <a:rPr lang="nb-NO" err="1"/>
              <a:t>grow-out</a:t>
            </a:r>
            <a:r>
              <a:rPr lang="nb-NO"/>
              <a:t>) står for kun en liten andel av det total fotavtrykket. Hvis vi ser innen den så kommer semilukket konseptene bedre ut ift. Landbasert og offshore. Dette er når norsk el-miks brukes. Med en energiimport fra Europa vil Landbasert ha størst klimagassutslipp pga. høy strømforbruket. </a:t>
            </a:r>
          </a:p>
          <a:p>
            <a:r>
              <a:rPr lang="nb-NO"/>
              <a:t>I denne </a:t>
            </a:r>
            <a:r>
              <a:rPr lang="nb-NO" err="1"/>
              <a:t>bergningen</a:t>
            </a:r>
            <a:r>
              <a:rPr lang="nb-NO"/>
              <a:t> er det antatt at alle produksjonsformer går på norsk elektrisitets mix </a:t>
            </a:r>
          </a:p>
          <a:p>
            <a:r>
              <a:rPr lang="nb-NO"/>
              <a:t>(</a:t>
            </a:r>
            <a:r>
              <a:rPr lang="nb-NO" err="1"/>
              <a:t>f.eks</a:t>
            </a:r>
            <a:r>
              <a:rPr lang="nb-NO"/>
              <a:t> </a:t>
            </a:r>
            <a:r>
              <a:rPr lang="nb-NO" err="1"/>
              <a:t>havfarm</a:t>
            </a:r>
            <a:r>
              <a:rPr lang="nb-NO"/>
              <a:t> 1 er elektrifisert, men Ocean farm 1 går på dieselaggregat)</a:t>
            </a:r>
          </a:p>
          <a:p>
            <a:r>
              <a:rPr lang="nb-NO"/>
              <a:t>Alle materialer regnes som nye materialer </a:t>
            </a:r>
          </a:p>
          <a:p>
            <a:r>
              <a:rPr lang="nb-NO"/>
              <a:t>Spredning i lukket –</a:t>
            </a:r>
            <a:r>
              <a:rPr lang="nb-NO" err="1"/>
              <a:t>semi</a:t>
            </a:r>
            <a:r>
              <a:rPr lang="nb-NO"/>
              <a:t>-lukket representerer tre anlegg </a:t>
            </a:r>
          </a:p>
          <a:p>
            <a:r>
              <a:rPr lang="nb-NO"/>
              <a:t>Offshore representerer to anlegg.</a:t>
            </a:r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1626333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Scenario 1 – 80% av dagens produksjon</a:t>
            </a:r>
          </a:p>
          <a:p>
            <a:r>
              <a:rPr lang="nb-NO"/>
              <a:t>Scenario 2 – samme produksjon</a:t>
            </a:r>
          </a:p>
          <a:p>
            <a:r>
              <a:rPr lang="nb-NO"/>
              <a:t>Scenario 3- økn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6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1531200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Hvis man skal ned til 90% prosent så må produksjonen ned fra dagens scenario i følge Klimamålene.  Det er noen andre tiltak som bruk av resirkulert plast, energieffektivisering som er ikke tatt hensyn til her. </a:t>
            </a:r>
            <a:br>
              <a:rPr lang="nb-NO"/>
            </a:br>
            <a:r>
              <a:rPr lang="nb-NO"/>
              <a:t>Scenario 3 med dobling av produksjonen viser en nedgang av 55% i klimagassutslipp ift. dagens utslipp når tiltakene for biometanol som energikilde og resirkulert stål iverksettes. Biometanol som drivstoff for fartøy </a:t>
            </a:r>
          </a:p>
          <a:p>
            <a:r>
              <a:rPr lang="nb-NO"/>
              <a:t>100% bruk av resirkulert stål </a:t>
            </a:r>
          </a:p>
          <a:p>
            <a:r>
              <a:rPr lang="nb-NO"/>
              <a:t>100% norsk elektrisitet på anlegg. </a:t>
            </a:r>
          </a:p>
          <a:p>
            <a:endParaRPr lang="nb-NO"/>
          </a:p>
          <a:p>
            <a:r>
              <a:rPr lang="nb-NO">
                <a:cs typeface="Calibri"/>
              </a:rPr>
              <a:t>Reduksjon innbefatter infrastruktur også</a:t>
            </a:r>
            <a:r>
              <a:rPr lang="nb-NO">
                <a:cs typeface="+mn-cs"/>
              </a:rPr>
              <a:t> – ikke bare driftsutslipp fra diesel</a:t>
            </a:r>
            <a:endParaRPr lang="nb-NO">
              <a:cs typeface="Calibri" panose="020F0502020204030204"/>
            </a:endParaRPr>
          </a:p>
          <a:p>
            <a:endParaRPr lang="nb-NO">
              <a:cs typeface="Calibri" panose="020F0502020204030204"/>
            </a:endParaRPr>
          </a:p>
          <a:p>
            <a:r>
              <a:rPr lang="nb-NO"/>
              <a:t>Hvis man skal ned til 99% prosent så må produksjonen ned. </a:t>
            </a:r>
            <a:endParaRPr lang="en-US">
              <a:cs typeface="Calibri"/>
            </a:endParaRPr>
          </a:p>
          <a:p>
            <a:r>
              <a:rPr lang="nb-NO">
                <a:cs typeface="Calibri"/>
              </a:rPr>
              <a:t>-Tiltak inkluderer 100% norsk elektrisitet (uten er med 6% import fra EU el mix)</a:t>
            </a:r>
            <a:endParaRPr lang="nb-NO"/>
          </a:p>
          <a:p>
            <a:r>
              <a:rPr lang="nb-NO">
                <a:cs typeface="Calibri" panose="020F0502020204030204"/>
              </a:rPr>
              <a:t>-100% resirkulert stål </a:t>
            </a:r>
          </a:p>
          <a:p>
            <a:r>
              <a:rPr lang="nb-NO">
                <a:cs typeface="Calibri" panose="020F0502020204030204"/>
              </a:rPr>
              <a:t>-100% biometanol i fartøy </a:t>
            </a:r>
          </a:p>
          <a:p>
            <a:endParaRPr lang="nb-NO">
              <a:cs typeface="Calibri" panose="020F0502020204030204"/>
            </a:endParaRPr>
          </a:p>
          <a:p>
            <a:endParaRPr lang="nb-NO">
              <a:cs typeface="Calibri" panose="020F0502020204030204"/>
            </a:endParaRPr>
          </a:p>
          <a:p>
            <a:r>
              <a:rPr lang="nb-NO">
                <a:cs typeface="Calibri" panose="020F0502020204030204"/>
              </a:rPr>
              <a:t>Hvis man kun ser på elektrisitet, diesel produksjon og forbrenning er maksimal reduksjon 85, 81, og 71 % for scenario 1,2 og 3, med tiltakene norsk el mix og </a:t>
            </a:r>
            <a:r>
              <a:rPr lang="nb-NO" err="1">
                <a:cs typeface="Calibri" panose="020F0502020204030204"/>
              </a:rPr>
              <a:t>bio</a:t>
            </a:r>
            <a:r>
              <a:rPr lang="nb-NO">
                <a:cs typeface="Calibri" panose="020F0502020204030204"/>
              </a:rPr>
              <a:t>-metanol på fartøy. </a:t>
            </a:r>
          </a:p>
          <a:p>
            <a:r>
              <a:rPr lang="nb-NO">
                <a:cs typeface="Calibri" panose="020F0502020204030204"/>
              </a:rPr>
              <a:t>Da er det nok mulig med 90% reduksjon dersom en </a:t>
            </a:r>
            <a:r>
              <a:rPr lang="nb-NO" err="1">
                <a:cs typeface="Calibri" panose="020F0502020204030204"/>
              </a:rPr>
              <a:t>itillegg</a:t>
            </a:r>
            <a:r>
              <a:rPr lang="nb-NO">
                <a:cs typeface="Calibri" panose="020F0502020204030204"/>
              </a:rPr>
              <a:t> tar i bruk batterier, solcellepanel </a:t>
            </a:r>
            <a:r>
              <a:rPr lang="nb-NO" err="1">
                <a:cs typeface="Calibri" panose="020F0502020204030204"/>
              </a:rPr>
              <a:t>etc</a:t>
            </a:r>
            <a:r>
              <a:rPr lang="nb-NO">
                <a:cs typeface="Calibri" panose="020F0502020204030204"/>
              </a:rPr>
              <a:t> på anlegg som nå går på dieselgeneratorer, men det har vi ikke sett på i </a:t>
            </a:r>
            <a:r>
              <a:rPr lang="nb-NO" err="1">
                <a:cs typeface="Calibri" panose="020F0502020204030204"/>
              </a:rPr>
              <a:t>PåLaks</a:t>
            </a:r>
            <a:r>
              <a:rPr lang="nb-NO">
                <a:cs typeface="Calibri" panose="020F0502020204030204"/>
              </a:rPr>
              <a:t> </a:t>
            </a:r>
          </a:p>
          <a:p>
            <a:endParaRPr lang="nb-NO"/>
          </a:p>
          <a:p>
            <a:r>
              <a:rPr lang="nb-NO"/>
              <a:t>Liste andre tiltak: bruk av resirkulert plast, lavutslipps-energibærere for drift av anlegg (tradisjonell, nedsenkbar har en andel på </a:t>
            </a:r>
            <a:r>
              <a:rPr lang="nb-NO" err="1"/>
              <a:t>ca</a:t>
            </a:r>
            <a:r>
              <a:rPr lang="nb-NO"/>
              <a:t> 40% dieselgeneratorer, offshore er 100% fossilt)   </a:t>
            </a:r>
            <a:endParaRPr lang="nb-NO">
              <a:cs typeface="Calibri"/>
            </a:endParaRPr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9664648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Selv om en dobling av produksjon med noen tiltak viser en nedgang i klimagassutslipp, presset på areal på land og strømforbruket økes betydelig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1238742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>
                <a:latin typeface="Calibri Light"/>
                <a:cs typeface="Calibri Light"/>
              </a:rPr>
              <a:t>Over 50% av verdiskapingen ligger i øvrig verdikjede og ringvirkningsnæringer</a:t>
            </a:r>
          </a:p>
          <a:p>
            <a:r>
              <a:rPr lang="nb-NO">
                <a:latin typeface="Calibri Light"/>
                <a:cs typeface="Calibri Light"/>
              </a:rPr>
              <a:t>Nye produksjonsformer kan gi noe høyere verdiskaping per produsert kg til leverandører</a:t>
            </a:r>
            <a:endParaRPr lang="nb-NO"/>
          </a:p>
          <a:p>
            <a:endParaRPr lang="nb-NO">
              <a:latin typeface="Calibri Light"/>
              <a:cs typeface="Calibri Light"/>
            </a:endParaRPr>
          </a:p>
          <a:p>
            <a:endParaRPr lang="nb-NO">
              <a:latin typeface="Calibri Light"/>
              <a:cs typeface="Calibri Light"/>
            </a:endParaRPr>
          </a:p>
          <a:p>
            <a:r>
              <a:rPr lang="nb-NO">
                <a:latin typeface="Calibri Light"/>
                <a:cs typeface="Calibri Light"/>
              </a:rPr>
              <a:t>Høyere investeringskostnader per produsert kg for nye produksjonsformer</a:t>
            </a:r>
          </a:p>
          <a:p>
            <a:r>
              <a:rPr lang="nb-NO">
                <a:latin typeface="Calibri Light"/>
                <a:cs typeface="Calibri Light"/>
              </a:rPr>
              <a:t>Kapitalslitet blir også større for nye produksjonsformer</a:t>
            </a:r>
            <a:endParaRPr lang="nb-NO"/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9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887492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7" Type="http://schemas.openxmlformats.org/officeDocument/2006/relationships/image" Target="../media/image12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1.png"/><Relationship Id="rId5" Type="http://schemas.openxmlformats.org/officeDocument/2006/relationships/image" Target="../media/image10.svg"/><Relationship Id="rId4" Type="http://schemas.openxmlformats.org/officeDocument/2006/relationships/image" Target="../media/image9.pn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5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4.svg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4.svg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70912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69367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523632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6023F19-6759-EB69-636C-44309C22BD02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1129CB-E8E5-F730-DA6D-BB0E081FDC6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b-NO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DD5A67-F5FA-7148-9E14-BC26ED68322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669236-4FAC-4CD7-3785-B55DB0AF8D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E5DD114-45EA-0B6D-8D7E-76F731E7B6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8544D51-88F4-71B3-797F-BD4EADC6A9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83FF3-F9F8-4244-9FA4-6AF0BFCC7394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949409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Deloversi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9" name="Grafikk 28">
            <a:extLst>
              <a:ext uri="{FF2B5EF4-FFF2-40B4-BE49-F238E27FC236}">
                <a16:creationId xmlns:a16="http://schemas.microsoft.com/office/drawing/2014/main" id="{09FFE677-847B-E73D-933C-61ECAC8116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-1" y="0"/>
            <a:ext cx="6821979" cy="6858000"/>
          </a:xfrm>
          <a:prstGeom prst="rect">
            <a:avLst/>
          </a:prstGeom>
        </p:spPr>
      </p:pic>
      <p:pic>
        <p:nvPicPr>
          <p:cNvPr id="31" name="Grafikk 30">
            <a:extLst>
              <a:ext uri="{FF2B5EF4-FFF2-40B4-BE49-F238E27FC236}">
                <a16:creationId xmlns:a16="http://schemas.microsoft.com/office/drawing/2014/main" id="{4A932CDC-FCFE-81EC-9B6A-320628333A3D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 flipH="1">
            <a:off x="7323445" y="0"/>
            <a:ext cx="4868555" cy="6869331"/>
          </a:xfrm>
          <a:prstGeom prst="rect">
            <a:avLst/>
          </a:prstGeom>
        </p:spPr>
      </p:pic>
      <p:sp>
        <p:nvSpPr>
          <p:cNvPr id="3" name="noColor"/>
          <p:cNvSpPr/>
          <p:nvPr userDrawn="1"/>
        </p:nvSpPr>
        <p:spPr>
          <a:xfrm>
            <a:off x="161376" y="188260"/>
            <a:ext cx="142498" cy="8964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9" tIns="22865" rIns="45729" bIns="22865" rtlCol="0" anchor="ctr"/>
          <a:lstStyle/>
          <a:p>
            <a:pPr algn="ctr"/>
            <a:endParaRPr lang="nb-NO" sz="1799"/>
          </a:p>
        </p:txBody>
      </p:sp>
      <p:sp>
        <p:nvSpPr>
          <p:cNvPr id="37" name="Subtitle 2">
            <a:extLst>
              <a:ext uri="{FF2B5EF4-FFF2-40B4-BE49-F238E27FC236}">
                <a16:creationId xmlns:a16="http://schemas.microsoft.com/office/drawing/2014/main" id="{B3251163-E7F0-ACB7-C57B-4464FA31B10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47122" y="4924408"/>
            <a:ext cx="3281038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1"/>
                </a:solidFill>
                <a:latin typeface="+mn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32" name="Tittel 31">
            <a:extLst>
              <a:ext uri="{FF2B5EF4-FFF2-40B4-BE49-F238E27FC236}">
                <a16:creationId xmlns:a16="http://schemas.microsoft.com/office/drawing/2014/main" id="{D85DF19C-8699-CAAB-6157-2ECDDC8979D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47121" y="3142284"/>
            <a:ext cx="5048879" cy="1596130"/>
          </a:xfrm>
          <a:noFill/>
        </p:spPr>
        <p:txBody>
          <a:bodyPr anchor="b"/>
          <a:lstStyle>
            <a:lvl1pPr algn="l"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7F2E2C54-3A08-0112-95E7-5B27DDBBBDDC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47121" y="559165"/>
            <a:ext cx="1190383" cy="247505"/>
          </a:xfrm>
          <a:prstGeom prst="rect">
            <a:avLst/>
          </a:prstGeom>
        </p:spPr>
      </p:pic>
      <p:sp>
        <p:nvSpPr>
          <p:cNvPr id="2" name="Plassholder for dato 1">
            <a:extLst>
              <a:ext uri="{FF2B5EF4-FFF2-40B4-BE49-F238E27FC236}">
                <a16:creationId xmlns:a16="http://schemas.microsoft.com/office/drawing/2014/main" id="{87269372-71C2-8F74-D72F-FF660AB111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Frøya, </a:t>
            </a:r>
            <a:r>
              <a:rPr lang="nb-NO" err="1"/>
              <a:t>Oct</a:t>
            </a:r>
            <a:r>
              <a:rPr lang="nb-NO"/>
              <a:t> 25th 2023</a:t>
            </a:r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172E5C72-B215-66BA-B2BC-45267E0E19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SSB , </a:t>
            </a:r>
            <a:r>
              <a:rPr lang="nb-NO" err="1"/>
              <a:t>Statistics</a:t>
            </a:r>
            <a:endParaRPr lang="nb-NO"/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296351DA-AEC5-5AC0-A375-73FE8CB87D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0008445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7">
            <a:extLst>
              <a:ext uri="{FF2B5EF4-FFF2-40B4-BE49-F238E27FC236}">
                <a16:creationId xmlns:a16="http://schemas.microsoft.com/office/drawing/2014/main" id="{EEDD0BA7-C436-7FE0-64B1-EBC49CF4FA2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6E4096-9A09-FBED-C1E7-FEFE02F1696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8B97A22-7072-4F9B-9DE7-1E83A7AB9B7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A8D0D5-4142-8923-1F30-87F81C50F26A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EB83B5-5908-DF89-41BA-94832817B52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D08FDB28-774C-23CB-1CC9-933DDC719F9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10713721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7241673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4031018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375472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3A824F-C3C0-D97F-72E5-E9754DEF17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321492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329214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D9754A88-59FE-61BF-7D2B-6E43655B172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76BA10D-9082-15DC-F04B-76C826DB02FA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0E4E60F7-6972-8FCD-B395-F74B81915230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C05A50BC-D84A-A4EA-E1A5-5EE8CD83F8F3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29610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7E2B3-6F8D-E9A1-1C6C-3248325BBC5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C39F5B-006F-0AE4-AE38-1C0F9343E86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Rød">
    <p:bg>
      <p:bgPr>
        <a:solidFill>
          <a:srgbClr val="DE9D9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147BDF-8B4A-A73D-84DD-73FFC7E92C7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56283503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DB9-E2A7-5147-0D09-6C7B99412E6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C31927-AD98-66DE-D978-26CF854123D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CEE7-DBA2-5473-B933-F8F1A22876C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333820-83DD-EBD4-9A3E-7157895EE35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ul">
    <p:bg>
      <p:bgPr>
        <a:solidFill>
          <a:srgbClr val="EAD7A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50927A-CE72-B2BF-0899-A3E0B10E06F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65799147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53F787-3D9D-8555-93E4-ECDC90418A8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Lilla">
    <p:bg>
      <p:bgPr>
        <a:solidFill>
          <a:srgbClr val="BB7FA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521AD-2E85-FCC5-6DF6-9BE9491D599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269628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471350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85522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85522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60972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060972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806172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6360884" y="2806172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.xml"/><Relationship Id="rId13" Type="http://schemas.openxmlformats.org/officeDocument/2006/relationships/slideLayout" Target="../slideLayouts/slideLayout34.xml"/><Relationship Id="rId18" Type="http://schemas.openxmlformats.org/officeDocument/2006/relationships/slideLayout" Target="../slideLayouts/slideLayout39.xml"/><Relationship Id="rId3" Type="http://schemas.openxmlformats.org/officeDocument/2006/relationships/slideLayout" Target="../slideLayouts/slideLayout24.xml"/><Relationship Id="rId21" Type="http://schemas.openxmlformats.org/officeDocument/2006/relationships/image" Target="../media/image14.svg"/><Relationship Id="rId7" Type="http://schemas.openxmlformats.org/officeDocument/2006/relationships/slideLayout" Target="../slideLayouts/slideLayout28.xml"/><Relationship Id="rId12" Type="http://schemas.openxmlformats.org/officeDocument/2006/relationships/slideLayout" Target="../slideLayouts/slideLayout33.xml"/><Relationship Id="rId17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3.xml"/><Relationship Id="rId16" Type="http://schemas.openxmlformats.org/officeDocument/2006/relationships/slideLayout" Target="../slideLayouts/slideLayout37.xml"/><Relationship Id="rId20" Type="http://schemas.openxmlformats.org/officeDocument/2006/relationships/image" Target="../media/image13.png"/><Relationship Id="rId1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7.xml"/><Relationship Id="rId11" Type="http://schemas.openxmlformats.org/officeDocument/2006/relationships/slideLayout" Target="../slideLayouts/slideLayout32.xml"/><Relationship Id="rId5" Type="http://schemas.openxmlformats.org/officeDocument/2006/relationships/slideLayout" Target="../slideLayouts/slideLayout26.xml"/><Relationship Id="rId15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31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25.xml"/><Relationship Id="rId9" Type="http://schemas.openxmlformats.org/officeDocument/2006/relationships/slideLayout" Target="../slideLayouts/slideLayout30.xml"/><Relationship Id="rId14" Type="http://schemas.openxmlformats.org/officeDocument/2006/relationships/slideLayout" Target="../slideLayouts/slideLayout35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7.xml"/><Relationship Id="rId13" Type="http://schemas.openxmlformats.org/officeDocument/2006/relationships/image" Target="../media/image2.svg"/><Relationship Id="rId3" Type="http://schemas.openxmlformats.org/officeDocument/2006/relationships/slideLayout" Target="../slideLayouts/slideLayout42.xml"/><Relationship Id="rId7" Type="http://schemas.openxmlformats.org/officeDocument/2006/relationships/slideLayout" Target="../slideLayouts/slideLayout46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41.xml"/><Relationship Id="rId1" Type="http://schemas.openxmlformats.org/officeDocument/2006/relationships/slideLayout" Target="../slideLayouts/slideLayout40.xml"/><Relationship Id="rId6" Type="http://schemas.openxmlformats.org/officeDocument/2006/relationships/slideLayout" Target="../slideLayouts/slideLayout45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44.xml"/><Relationship Id="rId10" Type="http://schemas.openxmlformats.org/officeDocument/2006/relationships/slideLayout" Target="../slideLayouts/slideLayout49.xml"/><Relationship Id="rId4" Type="http://schemas.openxmlformats.org/officeDocument/2006/relationships/slideLayout" Target="../slideLayouts/slideLayout43.xml"/><Relationship Id="rId9" Type="http://schemas.openxmlformats.org/officeDocument/2006/relationships/slideLayout" Target="../slideLayouts/slideLayout4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23">
            <a:extLs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795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749" r:id="rId15"/>
    <p:sldLayoutId id="2147483790" r:id="rId16"/>
    <p:sldLayoutId id="2147483696" r:id="rId17"/>
    <p:sldLayoutId id="2147483789" r:id="rId18"/>
    <p:sldLayoutId id="2147483668" r:id="rId19"/>
    <p:sldLayoutId id="2147483797" r:id="rId20"/>
    <p:sldLayoutId id="2147483798" r:id="rId2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10752428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96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91" r:id="rId17"/>
    <p:sldLayoutId id="2147483784" r:id="rId18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93" r:id="rId3"/>
    <p:sldLayoutId id="2147483710" r:id="rId4"/>
    <p:sldLayoutId id="2147483709" r:id="rId5"/>
    <p:sldLayoutId id="2147483711" r:id="rId6"/>
    <p:sldLayoutId id="2147483712" r:id="rId7"/>
    <p:sldLayoutId id="2147483792" r:id="rId8"/>
    <p:sldLayoutId id="2147483713" r:id="rId9"/>
    <p:sldLayoutId id="2147483794" r:id="rId10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20.png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.xml"/><Relationship Id="rId6" Type="http://schemas.openxmlformats.org/officeDocument/2006/relationships/image" Target="../media/image19.jpe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7.xml"/><Relationship Id="rId6" Type="http://schemas.openxmlformats.org/officeDocument/2006/relationships/hyperlink" Target="https://www.fhf.no/prosjekter/prosjektbasen/901833/" TargetMode="External"/><Relationship Id="rId5" Type="http://schemas.openxmlformats.org/officeDocument/2006/relationships/notesSlide" Target="../notesSlides/notesSlide14.xml"/><Relationship Id="rId4" Type="http://schemas.openxmlformats.org/officeDocument/2006/relationships/slideLayout" Target="../slideLayouts/slideLayout19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hf.no/prosjekter/prosjektbasen/901833/" TargetMode="External"/><Relationship Id="rId7" Type="http://schemas.openxmlformats.org/officeDocument/2006/relationships/image" Target="../media/image2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4.xml.rels><?xml version="1.0" encoding="UTF-8" standalone="yes"?>
<Relationships xmlns="http://schemas.openxmlformats.org/package/2006/relationships"><Relationship Id="rId3" Type="http://schemas.microsoft.com/office/2014/relationships/chartEx" Target="../charts/chartEx1.xml"/><Relationship Id="rId7" Type="http://schemas.openxmlformats.org/officeDocument/2006/relationships/image" Target="../media/image2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Relationship Id="rId6" Type="http://schemas.microsoft.com/office/2014/relationships/chartEx" Target="../charts/chartEx2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chart" Target="../charts/chart5.xml"/><Relationship Id="rId3" Type="http://schemas.openxmlformats.org/officeDocument/2006/relationships/chart" Target="../charts/chart1.xml"/><Relationship Id="rId7" Type="http://schemas.openxmlformats.org/officeDocument/2006/relationships/chart" Target="../charts/chart4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6" Type="http://schemas.openxmlformats.org/officeDocument/2006/relationships/chart" Target="../charts/chart3.xml"/><Relationship Id="rId5" Type="http://schemas.openxmlformats.org/officeDocument/2006/relationships/chart" Target="../charts/chart2.xml"/><Relationship Id="rId4" Type="http://schemas.openxmlformats.org/officeDocument/2006/relationships/image" Target="../media/image2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Relationship Id="rId5" Type="http://schemas.openxmlformats.org/officeDocument/2006/relationships/chart" Target="../charts/chart8.xml"/><Relationship Id="rId4" Type="http://schemas.openxmlformats.org/officeDocument/2006/relationships/chart" Target="../charts/char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9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0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4" Type="http://schemas.openxmlformats.org/officeDocument/2006/relationships/chart" Target="../charts/chart1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84056" y="1557192"/>
            <a:ext cx="10623887" cy="2266950"/>
          </a:xfrm>
        </p:spPr>
        <p:txBody>
          <a:bodyPr>
            <a:normAutofit fontScale="90000"/>
          </a:bodyPr>
          <a:lstStyle/>
          <a:p>
            <a:r>
              <a:rPr lang="nb-NO" i="1"/>
              <a:t>Lakseoppdrett i 2050: </a:t>
            </a:r>
            <a:br>
              <a:rPr lang="nb-NO" i="1"/>
            </a:br>
            <a:r>
              <a:rPr lang="nb-NO" i="1"/>
              <a:t>Hvor bærekraftig blir framtidens produksjonsformer og teknologi?</a:t>
            </a:r>
            <a:endParaRPr lang="nb-NO">
              <a:solidFill>
                <a:srgbClr val="002060"/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82503" y="3965576"/>
            <a:ext cx="10377376" cy="1903412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nb-NO">
                <a:solidFill>
                  <a:srgbClr val="002060"/>
                </a:solidFill>
              </a:rPr>
              <a:t>Presentasjon fra </a:t>
            </a:r>
            <a:r>
              <a:rPr lang="nb-NO" err="1">
                <a:solidFill>
                  <a:srgbClr val="002060"/>
                </a:solidFill>
              </a:rPr>
              <a:t>PåLaks</a:t>
            </a:r>
            <a:r>
              <a:rPr lang="nb-NO">
                <a:solidFill>
                  <a:srgbClr val="002060"/>
                </a:solidFill>
              </a:rPr>
              <a:t>-prosjektets sluttrapport</a:t>
            </a:r>
          </a:p>
          <a:p>
            <a:r>
              <a:rPr lang="en-GB"/>
              <a:t>Shraddha Mehta, Andrea Viken Strand, Hans Tobias Slette, Elisabeth Fugger, Cristina Maria Iordan, Marit Schei Olsen, Bård Misund, Ellie Johansen </a:t>
            </a:r>
          </a:p>
          <a:p>
            <a:r>
              <a:rPr lang="nb-NO">
                <a:solidFill>
                  <a:srgbClr val="002060"/>
                </a:solidFill>
              </a:rPr>
              <a:t>09.12.2024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7659021-BAE1-4707-6F33-378B076AF5E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8591" t="19717" r="24681" b="30213"/>
          <a:stretch/>
        </p:blipFill>
        <p:spPr>
          <a:xfrm>
            <a:off x="10244764" y="213728"/>
            <a:ext cx="1536971" cy="76308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CE9300F-5E10-D8FD-38CB-23075D7AAAA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384335" y="6150064"/>
            <a:ext cx="1126783" cy="434751"/>
          </a:xfrm>
          <a:prstGeom prst="rect">
            <a:avLst/>
          </a:prstGeom>
        </p:spPr>
      </p:pic>
      <p:pic>
        <p:nvPicPr>
          <p:cNvPr id="16" name="Picture 9">
            <a:extLst>
              <a:ext uri="{FF2B5EF4-FFF2-40B4-BE49-F238E27FC236}">
                <a16:creationId xmlns:a16="http://schemas.microsoft.com/office/drawing/2014/main" id="{6D7BE32E-BCA1-D62B-A413-353D09656454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41" t="-126" r="114" b="126"/>
          <a:stretch/>
        </p:blipFill>
        <p:spPr>
          <a:xfrm>
            <a:off x="187503" y="6151857"/>
            <a:ext cx="1801791" cy="438122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2AA2D1B-3B90-5845-5939-4AF3289EF89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263973" y="6150064"/>
            <a:ext cx="1517762" cy="434751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A4C16E00-58E0-E391-C241-684C3857054E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939473" y="6150065"/>
            <a:ext cx="1494683" cy="434751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1E8663-418D-13B7-F89D-1960A87FBB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nb-N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57495335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C38AFE1-2BA0-B5E6-E4F7-4B5849A9BF2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F71F4A-E414-A051-0965-39F938C986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Endringer i total norsk årlig aktivitet (2050)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3C94F7F-D846-BA66-02B2-9F5FD3F152A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7662" y="1760793"/>
            <a:ext cx="12094338" cy="43431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84901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9EF7430-2FCA-6470-D496-678DBBC6C09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201EDC-5B25-AC62-8313-96B04F6309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Endringer i total norsk årlig aktivitet (2050)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4397C95-6621-F01B-F144-F9663D97017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1408"/>
          <a:stretch/>
        </p:blipFill>
        <p:spPr>
          <a:xfrm>
            <a:off x="174097" y="1618592"/>
            <a:ext cx="11843806" cy="4859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209290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7F3366-5C30-E5AA-7D3B-B9A1D80528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Endringer i total norsk årlig aktivitet (2050)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C32053C-403E-2826-F22F-19E4A220E34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0426" y="1884218"/>
            <a:ext cx="11701574" cy="45938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224509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087A1F-3AD4-3C7F-C888-A195CF02BE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osial bærekraft 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D64939-6C8E-5ECD-17E0-73B7DE31AA3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nb-NO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539B54A7-FA31-38CA-D150-423C0D8EB74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37723122"/>
              </p:ext>
            </p:extLst>
          </p:nvPr>
        </p:nvGraphicFramePr>
        <p:xfrm>
          <a:off x="434788" y="1972235"/>
          <a:ext cx="11322423" cy="4084320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3774141">
                  <a:extLst>
                    <a:ext uri="{9D8B030D-6E8A-4147-A177-3AD203B41FA5}">
                      <a16:colId xmlns:a16="http://schemas.microsoft.com/office/drawing/2014/main" val="838126104"/>
                    </a:ext>
                  </a:extLst>
                </a:gridCol>
                <a:gridCol w="3774141">
                  <a:extLst>
                    <a:ext uri="{9D8B030D-6E8A-4147-A177-3AD203B41FA5}">
                      <a16:colId xmlns:a16="http://schemas.microsoft.com/office/drawing/2014/main" val="3930735464"/>
                    </a:ext>
                  </a:extLst>
                </a:gridCol>
                <a:gridCol w="3774141">
                  <a:extLst>
                    <a:ext uri="{9D8B030D-6E8A-4147-A177-3AD203B41FA5}">
                      <a16:colId xmlns:a16="http://schemas.microsoft.com/office/drawing/2014/main" val="4075157703"/>
                    </a:ext>
                  </a:extLst>
                </a:gridCol>
              </a:tblGrid>
              <a:tr h="420487">
                <a:tc>
                  <a:txBody>
                    <a:bodyPr/>
                    <a:lstStyle/>
                    <a:p>
                      <a:pPr algn="ctr"/>
                      <a:r>
                        <a:rPr lang="nb-NO" sz="2000" b="1">
                          <a:solidFill>
                            <a:schemeClr val="tx1"/>
                          </a:solidFill>
                        </a:rPr>
                        <a:t>Scenario 1 – Nedgang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nb-NO" sz="2000" b="1">
                          <a:solidFill>
                            <a:schemeClr val="tx1"/>
                          </a:solidFill>
                        </a:rPr>
                        <a:t>Scenario 2 - Stabilliser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nb-NO" sz="2000" b="1">
                          <a:solidFill>
                            <a:schemeClr val="tx1"/>
                          </a:solidFill>
                        </a:rPr>
                        <a:t>Scenario 3 – Økning </a:t>
                      </a:r>
                    </a:p>
                    <a:p>
                      <a:pPr algn="ctr"/>
                      <a:endParaRPr lang="nb-NO" sz="2000" b="1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84630010"/>
                  </a:ext>
                </a:extLst>
              </a:tr>
              <a:tr h="2905419">
                <a:tc>
                  <a:txBody>
                    <a:bodyPr/>
                    <a:lstStyle/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/>
                        <a:t>Mindre aksept for vekst og svake reguleringsmekanismer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/>
                        <a:t>Produksjonsnedgang reduserer ringvirkninger og svekker leverandørnæringen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/>
                        <a:t>Tiltak som bedrer miljømessig bærekraft antas å ha positiv påvirkning på aksept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/>
                        <a:t>Bedre ressursbruk med ny produksjonsteknologi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/>
                        <a:t>Balanse mellom å redusere ytterligere negativ påvirkning og opprettholde produksjonen </a:t>
                      </a:r>
                    </a:p>
                    <a:p>
                      <a:endParaRPr lang="nb-NO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/>
                        <a:t>Produksjonsvekst og teknologisk utvikling fører til positive samfunnsøkonomiske ringvirkninger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/>
                        <a:t>Positiv innvirkning på sosial aksept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/>
                        <a:t>Målkonflikter mellom samfunnsøkonomiske fordeler og negativ miljøpåvirk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5989125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748450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8E44C5CB-59A9-E6ED-C4BC-4AE5AD9DC48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99730" y="1541721"/>
            <a:ext cx="10823944" cy="442314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>
                <a:latin typeface="+mn-lt"/>
              </a:rPr>
              <a:t>Energibærere og energiforbruk er de viktigste driverne for klimagassutslipp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nb-NO" sz="280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>
                <a:latin typeface="+mn-lt"/>
              </a:rPr>
              <a:t>Vekst er mulig uten å øke klimagassutslippene dersom ambisiøse tiltak iverksett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nb-NO" sz="280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>
                <a:latin typeface="+mn-lt"/>
              </a:rPr>
              <a:t>Klare målkonflikter mellom økonomiske og miljømessige dimensjoner når fremtidig vekst vurder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nb-NO" sz="280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>
                <a:latin typeface="+mn-lt"/>
              </a:rPr>
              <a:t>Miljøpåvirkning fra fôr og transport til markedet er fortsatt en utfordring </a:t>
            </a:r>
            <a:r>
              <a:rPr lang="nb-NO" sz="2800">
                <a:latin typeface="+mn-lt"/>
                <a:cs typeface="Calibri Light"/>
              </a:rPr>
              <a:t>for å nå klimamålene i 2030 og 2050. </a:t>
            </a:r>
            <a:endParaRPr lang="en-GB" sz="2800">
              <a:latin typeface="+mn-lt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FB904F0-3EBC-D31F-665E-F62397EE6C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69056" y="324656"/>
            <a:ext cx="5048879" cy="676275"/>
          </a:xfrm>
        </p:spPr>
        <p:txBody>
          <a:bodyPr/>
          <a:lstStyle/>
          <a:p>
            <a:r>
              <a:rPr lang="en-GB" err="1"/>
              <a:t>Oppsummering</a:t>
            </a:r>
            <a:r>
              <a:rPr lang="en-GB"/>
              <a:t> </a:t>
            </a:r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3B1DC44-1584-E2B1-3735-2A6FCAEC26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738104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0A7728D-7133-4A50-AAD2-58F5F43001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EE72AE1-6121-958B-F0A4-AB301A85BF01}"/>
              </a:ext>
            </a:extLst>
          </p:cNvPr>
          <p:cNvSpPr txBox="1"/>
          <p:nvPr/>
        </p:nvSpPr>
        <p:spPr>
          <a:xfrm>
            <a:off x="1126721" y="3617052"/>
            <a:ext cx="9643731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400" b="1" err="1">
                <a:solidFill>
                  <a:schemeClr val="bg1"/>
                </a:solidFill>
              </a:rPr>
              <a:t>Kontakt</a:t>
            </a:r>
            <a:r>
              <a:rPr lang="en-GB" sz="2400" b="1">
                <a:solidFill>
                  <a:schemeClr val="bg1"/>
                </a:solidFill>
              </a:rPr>
              <a:t>:</a:t>
            </a:r>
          </a:p>
          <a:p>
            <a:pPr algn="ctr"/>
            <a:endParaRPr lang="en-GB" sz="2400"/>
          </a:p>
          <a:p>
            <a:pPr algn="ctr"/>
            <a:r>
              <a:rPr lang="en-GB" sz="2400">
                <a:solidFill>
                  <a:schemeClr val="bg1"/>
                </a:solidFill>
              </a:rPr>
              <a:t>Shraddha Mehta  </a:t>
            </a:r>
            <a:br>
              <a:rPr lang="en-GB" sz="2400">
                <a:solidFill>
                  <a:schemeClr val="bg1"/>
                </a:solidFill>
              </a:rPr>
            </a:br>
            <a:r>
              <a:rPr lang="en-GB" sz="2400">
                <a:solidFill>
                  <a:schemeClr val="bg1"/>
                </a:solidFill>
              </a:rPr>
              <a:t>shraddha.mehta@sintef.no</a:t>
            </a:r>
          </a:p>
          <a:p>
            <a:pPr algn="ctr"/>
            <a:endParaRPr lang="en-GB" sz="2400">
              <a:solidFill>
                <a:schemeClr val="bg1"/>
              </a:solidFill>
            </a:endParaRPr>
          </a:p>
          <a:p>
            <a:pPr algn="ctr"/>
            <a:r>
              <a:rPr lang="en-GB" sz="2400" err="1">
                <a:solidFill>
                  <a:schemeClr val="bg1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Nettside</a:t>
            </a:r>
            <a:r>
              <a:rPr lang="en-GB" sz="2400">
                <a:solidFill>
                  <a:schemeClr val="bg1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: https://www.fhf.no/prosjekter/prosjektbasen/901833/</a:t>
            </a:r>
            <a:r>
              <a:rPr lang="en-GB" sz="2400">
                <a:solidFill>
                  <a:schemeClr val="bg1"/>
                </a:solidFill>
              </a:rPr>
              <a:t> 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4370370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D114A0F-406D-EA6A-83E8-C11B31588E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89993" y="163386"/>
            <a:ext cx="10089356" cy="1051168"/>
          </a:xfrm>
        </p:spPr>
        <p:txBody>
          <a:bodyPr/>
          <a:lstStyle/>
          <a:p>
            <a:r>
              <a:rPr lang="nb-NO"/>
              <a:t>Utfordringer og behov videre forsking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8D6FE79-7D4C-B843-BF31-534C9B0971D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nb-NO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Hvordan kan arealbruk på land knyttet til </a:t>
            </a:r>
            <a:r>
              <a:rPr lang="nb-NO" err="1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smolt</a:t>
            </a:r>
            <a:r>
              <a:rPr lang="nb-NO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 or landbasert matfisk </a:t>
            </a:r>
            <a:r>
              <a:rPr lang="nb-NO"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reduseres? </a:t>
            </a:r>
            <a:endParaRPr lang="nb-NO"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endParaRPr lang="nb-NO"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r>
              <a:rPr lang="nb-NO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Slam oppsamling i sjø, </a:t>
            </a:r>
            <a:r>
              <a:rPr lang="nb-NO" err="1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avvanning</a:t>
            </a:r>
            <a:r>
              <a:rPr lang="nb-NO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 og transport </a:t>
            </a:r>
            <a:r>
              <a:rPr lang="nb-NO"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til land for etterbehandling (biogass, biokull osv.) – en nye verdikjede </a:t>
            </a:r>
          </a:p>
          <a:p>
            <a:endParaRPr lang="nb-NO"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r>
              <a:rPr lang="nb-NO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Vedlikehold av nye produksjonsformer og behov for logistikk, kunnskap og erfaring </a:t>
            </a:r>
          </a:p>
          <a:p>
            <a:endParaRPr lang="nb-NO"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r>
              <a:rPr lang="nb-NO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Bedre tilgang til data fra drift av nye produksjonsformer, lagring og deling av data </a:t>
            </a:r>
          </a:p>
          <a:p>
            <a:endParaRPr lang="nb-NO"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endParaRPr lang="nb-NO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3655EE4-3C3A-6096-F0E0-116F3F1D4717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0"/>
            <a:ext cx="0" cy="0"/>
          </a:xfrm>
        </p:spPr>
        <p:txBody>
          <a:bodyPr/>
          <a:lstStyle/>
          <a:p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367861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146717-DC4A-5D61-0C31-DC9490C29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901514" cy="675838"/>
          </a:xfrm>
        </p:spPr>
        <p:txBody>
          <a:bodyPr/>
          <a:lstStyle/>
          <a:p>
            <a:r>
              <a:rPr lang="nb-NO"/>
              <a:t>Hovedaktiviteter i prosjektet Pålaks (2023-2024)</a:t>
            </a:r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06EE59C1-7619-6D6E-46C2-8B012336B67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723384095"/>
              </p:ext>
            </p:extLst>
          </p:nvPr>
        </p:nvGraphicFramePr>
        <p:xfrm>
          <a:off x="-568699" y="1221729"/>
          <a:ext cx="12760699" cy="496869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7460064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E6EF5A-188A-C82E-5305-CE42C01D5E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4933156" cy="1051168"/>
          </a:xfrm>
        </p:spPr>
        <p:txBody>
          <a:bodyPr/>
          <a:lstStyle/>
          <a:p>
            <a:r>
              <a:rPr lang="nb-NO"/>
              <a:t>Vurdering av bærekraft i scenarier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27CBC0C-EE0C-AEAC-E506-F501E015AEB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42957" y="1999807"/>
            <a:ext cx="5505451" cy="4330514"/>
          </a:xfrm>
        </p:spPr>
        <p:txBody>
          <a:bodyPr>
            <a:normAutofit/>
          </a:bodyPr>
          <a:lstStyle/>
          <a:p>
            <a:r>
              <a:rPr lang="nb-NO"/>
              <a:t>Miljømessig bærekraft </a:t>
            </a:r>
          </a:p>
          <a:p>
            <a:pPr lvl="1"/>
            <a:r>
              <a:rPr lang="nb-NO"/>
              <a:t>Klimafotavtrykk, marin eutrofieringspotensial og marin økotoksisitetspotensial</a:t>
            </a:r>
          </a:p>
          <a:p>
            <a:r>
              <a:rPr lang="nb-NO"/>
              <a:t>Sosial bærekraft</a:t>
            </a:r>
          </a:p>
          <a:p>
            <a:pPr lvl="1"/>
            <a:r>
              <a:rPr lang="nb-NO"/>
              <a:t>Kvalitative vurderinger av konflikter, aksept</a:t>
            </a:r>
          </a:p>
          <a:p>
            <a:r>
              <a:rPr lang="nb-NO"/>
              <a:t>Økonomisk bærekraft</a:t>
            </a:r>
          </a:p>
          <a:p>
            <a:pPr lvl="1"/>
            <a:r>
              <a:rPr lang="nb-NO"/>
              <a:t>Kvantifisering av verdiskaping, investeringer og sysselsetting </a:t>
            </a:r>
          </a:p>
          <a:p>
            <a:pPr lvl="1"/>
            <a:endParaRPr lang="nb-NO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A5D5493-3991-FE38-BCA3-98D6851F4E26}"/>
              </a:ext>
            </a:extLst>
          </p:cNvPr>
          <p:cNvSpPr txBox="1"/>
          <p:nvPr/>
        </p:nvSpPr>
        <p:spPr>
          <a:xfrm>
            <a:off x="1953006" y="6154870"/>
            <a:ext cx="6096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>
                <a:solidFill>
                  <a:schemeClr val="tx2"/>
                </a:solidFill>
              </a:rPr>
              <a:t>Link til prosjektrapporter: </a:t>
            </a:r>
            <a:r>
              <a:rPr lang="nb-NO">
                <a:solidFill>
                  <a:schemeClr val="tx2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hf.no/prosjekter/prosjektbasen/901833/</a:t>
            </a:r>
            <a:r>
              <a:rPr lang="nb-NO">
                <a:solidFill>
                  <a:schemeClr val="tx2"/>
                </a:solidFill>
              </a:rPr>
              <a:t>  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05BD6D9-0832-0D2C-D219-6AD90158844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294979" y="-20490"/>
            <a:ext cx="2544285" cy="3592684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0885D780-4E85-A8D9-C6D0-0F9325D9123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39264" y="0"/>
            <a:ext cx="2490242" cy="351038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15B851E-9905-9256-3E11-DBC95B81AD92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1229"/>
          <a:stretch/>
        </p:blipFill>
        <p:spPr>
          <a:xfrm>
            <a:off x="7352611" y="3384991"/>
            <a:ext cx="2486653" cy="351038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4917520-42A7-F483-1C55-DE0CE62E728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811865" y="3384990"/>
            <a:ext cx="2486652" cy="35364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9881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888ABF-7254-BC32-9EAD-37E31E2B05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49481" y="369332"/>
            <a:ext cx="10050370" cy="711323"/>
          </a:xfrm>
        </p:spPr>
        <p:txBody>
          <a:bodyPr/>
          <a:lstStyle/>
          <a:p>
            <a:r>
              <a:rPr lang="nb-NO"/>
              <a:t>Klimagassutslipp fra hele næringen og fordelt på verdikjeden </a:t>
            </a:r>
          </a:p>
        </p:txBody>
      </p:sp>
      <mc:AlternateContent xmlns:mc="http://schemas.openxmlformats.org/markup-compatibility/2006">
        <mc:Choice xmlns:cx1="http://schemas.microsoft.com/office/drawing/2015/9/8/chartex" Requires="cx1">
          <p:graphicFrame>
            <p:nvGraphicFramePr>
              <p:cNvPr id="6" name="Diagram 4">
                <a:extLst>
                  <a:ext uri="{FF2B5EF4-FFF2-40B4-BE49-F238E27FC236}">
                    <a16:creationId xmlns:a16="http://schemas.microsoft.com/office/drawing/2014/main" id="{0080C1C8-EF6D-3C4E-35D4-C66B48E64490}"/>
                  </a:ext>
                </a:extLst>
              </p:cNvPr>
              <p:cNvGraphicFramePr/>
              <p:nvPr/>
            </p:nvGraphicFramePr>
            <p:xfrm>
              <a:off x="3432432" y="1626781"/>
              <a:ext cx="8736419" cy="4936315"/>
            </p:xfrm>
            <a:graphic>
              <a:graphicData uri="http://schemas.microsoft.com/office/drawing/2014/chartex">
                <cx:chart xmlns:cx="http://schemas.microsoft.com/office/drawing/2014/chartex" xmlns:r="http://schemas.openxmlformats.org/officeDocument/2006/relationships" r:id="rId3"/>
              </a:graphicData>
            </a:graphic>
          </p:graphicFrame>
        </mc:Choice>
        <mc:Fallback>
          <p:pic>
            <p:nvPicPr>
              <p:cNvPr id="6" name="Diagram 4">
                <a:extLst>
                  <a:ext uri="{FF2B5EF4-FFF2-40B4-BE49-F238E27FC236}">
                    <a16:creationId xmlns:a16="http://schemas.microsoft.com/office/drawing/2014/main" id="{0080C1C8-EF6D-3C4E-35D4-C66B48E64490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3432432" y="1626781"/>
                <a:ext cx="8736419" cy="4936315"/>
              </a:xfrm>
              <a:prstGeom prst="rect">
                <a:avLst/>
              </a:prstGeom>
            </p:spPr>
          </p:pic>
        </mc:Fallback>
      </mc:AlternateContent>
      <p:sp>
        <p:nvSpPr>
          <p:cNvPr id="7" name="TextBox 6">
            <a:extLst>
              <a:ext uri="{FF2B5EF4-FFF2-40B4-BE49-F238E27FC236}">
                <a16:creationId xmlns:a16="http://schemas.microsoft.com/office/drawing/2014/main" id="{72E70191-0226-3352-5630-E36989344DEB}"/>
              </a:ext>
            </a:extLst>
          </p:cNvPr>
          <p:cNvSpPr txBox="1"/>
          <p:nvPr/>
        </p:nvSpPr>
        <p:spPr>
          <a:xfrm>
            <a:off x="9664883" y="6488668"/>
            <a:ext cx="25039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/>
              <a:t>Kilde: Ziegler et al., 2024 </a:t>
            </a: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9A66FBAD-B545-7180-5996-FBBDB8DCC2D6}"/>
              </a:ext>
            </a:extLst>
          </p:cNvPr>
          <p:cNvSpPr/>
          <p:nvPr/>
        </p:nvSpPr>
        <p:spPr>
          <a:xfrm>
            <a:off x="101543" y="2234045"/>
            <a:ext cx="3330890" cy="3252355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sz="2000" b="1">
                <a:solidFill>
                  <a:schemeClr val="tx2"/>
                </a:solidFill>
              </a:rPr>
              <a:t>Totalt klimagassutslipp fra norsk havbruksnæring</a:t>
            </a:r>
          </a:p>
          <a:p>
            <a:pPr algn="ctr"/>
            <a:r>
              <a:rPr lang="nb-NO" sz="2000" b="1">
                <a:solidFill>
                  <a:schemeClr val="tx2"/>
                </a:solidFill>
              </a:rPr>
              <a:t> 5,2 </a:t>
            </a:r>
            <a:r>
              <a:rPr lang="nb-NO" sz="2000" b="1" err="1">
                <a:solidFill>
                  <a:schemeClr val="tx2"/>
                </a:solidFill>
              </a:rPr>
              <a:t>Mtonn</a:t>
            </a:r>
            <a:r>
              <a:rPr lang="nb-NO" sz="2000" b="1">
                <a:solidFill>
                  <a:schemeClr val="tx2"/>
                </a:solidFill>
              </a:rPr>
              <a:t> CO</a:t>
            </a:r>
            <a:r>
              <a:rPr lang="nb-NO" sz="2000" b="1" baseline="-25000">
                <a:solidFill>
                  <a:schemeClr val="tx2"/>
                </a:solidFill>
              </a:rPr>
              <a:t>2 </a:t>
            </a:r>
            <a:r>
              <a:rPr lang="nb-NO" sz="2000" b="1" err="1">
                <a:solidFill>
                  <a:schemeClr val="tx2"/>
                </a:solidFill>
              </a:rPr>
              <a:t>ekv</a:t>
            </a:r>
            <a:r>
              <a:rPr lang="nb-NO" sz="2000" b="1">
                <a:solidFill>
                  <a:schemeClr val="tx2"/>
                </a:solidFill>
              </a:rPr>
              <a:t>./år </a:t>
            </a: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13C02C47-6AF7-0AAD-95C0-95A61CB0FBCE}"/>
              </a:ext>
            </a:extLst>
          </p:cNvPr>
          <p:cNvCxnSpPr>
            <a:cxnSpLocks/>
            <a:stCxn id="3" idx="0"/>
          </p:cNvCxnSpPr>
          <p:nvPr/>
        </p:nvCxnSpPr>
        <p:spPr>
          <a:xfrm flipV="1">
            <a:off x="1766988" y="1722474"/>
            <a:ext cx="1750504" cy="511571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FDD5AE83-3B05-6D9D-4115-46C6CBEE92B0}"/>
              </a:ext>
            </a:extLst>
          </p:cNvPr>
          <p:cNvCxnSpPr>
            <a:cxnSpLocks/>
            <a:stCxn id="3" idx="4"/>
          </p:cNvCxnSpPr>
          <p:nvPr/>
        </p:nvCxnSpPr>
        <p:spPr>
          <a:xfrm>
            <a:off x="1766988" y="5486400"/>
            <a:ext cx="1750504" cy="10022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 descr="A blue and black logo&#10;&#10;Description automatically generated">
            <a:extLst>
              <a:ext uri="{FF2B5EF4-FFF2-40B4-BE49-F238E27FC236}">
                <a16:creationId xmlns:a16="http://schemas.microsoft.com/office/drawing/2014/main" id="{2ED47DA3-E905-D964-20EE-FA591FF3A55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839" y="5987534"/>
            <a:ext cx="1416243" cy="836096"/>
          </a:xfrm>
          <a:prstGeom prst="rect">
            <a:avLst/>
          </a:prstGeom>
        </p:spPr>
      </p:pic>
      <mc:AlternateContent xmlns:mc="http://schemas.openxmlformats.org/markup-compatibility/2006">
        <mc:Choice xmlns:cx1="http://schemas.microsoft.com/office/drawing/2015/9/8/chartex" Requires="cx1">
          <p:graphicFrame>
            <p:nvGraphicFramePr>
              <p:cNvPr id="11" name="Diagram 4">
                <a:extLst>
                  <a:ext uri="{FF2B5EF4-FFF2-40B4-BE49-F238E27FC236}">
                    <a16:creationId xmlns:a16="http://schemas.microsoft.com/office/drawing/2014/main" id="{0080C1C8-EF6D-3C4E-35D4-C66B48E64490}"/>
                  </a:ext>
                </a:extLst>
              </p:cNvPr>
              <p:cNvGraphicFramePr/>
              <p:nvPr/>
            </p:nvGraphicFramePr>
            <p:xfrm>
              <a:off x="3432431" y="1626781"/>
              <a:ext cx="8314862" cy="4936315"/>
            </p:xfrm>
            <a:graphic>
              <a:graphicData uri="http://schemas.microsoft.com/office/drawing/2014/chartex">
                <cx:chart xmlns:cx="http://schemas.microsoft.com/office/drawing/2014/chartex" xmlns:r="http://schemas.openxmlformats.org/officeDocument/2006/relationships" r:id="rId6"/>
              </a:graphicData>
            </a:graphic>
          </p:graphicFrame>
        </mc:Choice>
        <mc:Fallback>
          <p:pic>
            <p:nvPicPr>
              <p:cNvPr id="11" name="Diagram 4">
                <a:extLst>
                  <a:ext uri="{FF2B5EF4-FFF2-40B4-BE49-F238E27FC236}">
                    <a16:creationId xmlns:a16="http://schemas.microsoft.com/office/drawing/2014/main" id="{0080C1C8-EF6D-3C4E-35D4-C66B48E64490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3432431" y="1626781"/>
                <a:ext cx="8314862" cy="4936315"/>
              </a:xfrm>
              <a:prstGeom prst="rect">
                <a:avLst/>
              </a:prstGeom>
            </p:spPr>
          </p:pic>
        </mc:Fallback>
      </mc:AlternateContent>
      <p:sp>
        <p:nvSpPr>
          <p:cNvPr id="14" name="Rectangle 13">
            <a:extLst>
              <a:ext uri="{FF2B5EF4-FFF2-40B4-BE49-F238E27FC236}">
                <a16:creationId xmlns:a16="http://schemas.microsoft.com/office/drawing/2014/main" id="{95DAF825-D17F-8453-E35E-B70D31B294AA}"/>
              </a:ext>
            </a:extLst>
          </p:cNvPr>
          <p:cNvSpPr/>
          <p:nvPr/>
        </p:nvSpPr>
        <p:spPr>
          <a:xfrm>
            <a:off x="6829063" y="4386805"/>
            <a:ext cx="4815542" cy="1713053"/>
          </a:xfrm>
          <a:prstGeom prst="rect">
            <a:avLst/>
          </a:prstGeom>
          <a:noFill/>
          <a:ln w="57150">
            <a:solidFill>
              <a:schemeClr val="tx1"/>
            </a:solidFill>
            <a:prstDash val="lg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err="1">
              <a:solidFill>
                <a:schemeClr val="tx2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E578762-3C57-91FD-C1C0-475B7F0C8891}"/>
              </a:ext>
            </a:extLst>
          </p:cNvPr>
          <p:cNvSpPr txBox="1"/>
          <p:nvPr/>
        </p:nvSpPr>
        <p:spPr>
          <a:xfrm>
            <a:off x="9664883" y="3997995"/>
            <a:ext cx="16729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b="1" i="1">
                <a:solidFill>
                  <a:schemeClr val="bg1"/>
                </a:solidFill>
              </a:rPr>
              <a:t>~ </a:t>
            </a:r>
            <a:r>
              <a:rPr lang="nb-NO" i="1">
                <a:solidFill>
                  <a:schemeClr val="bg1"/>
                </a:solidFill>
              </a:rPr>
              <a:t>Norsk andel  </a:t>
            </a:r>
          </a:p>
        </p:txBody>
      </p:sp>
    </p:spTree>
    <p:extLst>
      <p:ext uri="{BB962C8B-B14F-4D97-AF65-F5344CB8AC3E}">
        <p14:creationId xmlns:p14="http://schemas.microsoft.com/office/powerpoint/2010/main" val="8411342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  <p:bldP spid="4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7B44B9D-418E-5BE1-F11A-3DA78F66220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771405" y="2913546"/>
            <a:ext cx="7866803" cy="2962194"/>
          </a:xfrm>
        </p:spPr>
        <p:txBody>
          <a:bodyPr/>
          <a:lstStyle/>
          <a:p>
            <a:pPr marL="0" indent="0">
              <a:buNone/>
            </a:pPr>
            <a:r>
              <a:rPr lang="nb-NO"/>
              <a:t> </a:t>
            </a:r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61B7814A-5E44-43E3-8B77-4716A3E20469}"/>
              </a:ext>
            </a:extLst>
          </p:cNvPr>
          <p:cNvGraphicFramePr>
            <a:graphicFrameLocks/>
          </p:cNvGraphicFramePr>
          <p:nvPr/>
        </p:nvGraphicFramePr>
        <p:xfrm>
          <a:off x="2024743" y="7690216"/>
          <a:ext cx="3982035" cy="347852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" name="Title 9">
            <a:extLst>
              <a:ext uri="{FF2B5EF4-FFF2-40B4-BE49-F238E27FC236}">
                <a16:creationId xmlns:a16="http://schemas.microsoft.com/office/drawing/2014/main" id="{C819FCB3-88DB-5B89-EEEA-F1BBC7B0CF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22837" y="607239"/>
            <a:ext cx="10485358" cy="504879"/>
          </a:xfrm>
        </p:spPr>
        <p:txBody>
          <a:bodyPr vert="horz" lIns="0" tIns="0" rIns="0" bIns="0" rtlCol="0" anchor="b">
            <a:noAutofit/>
          </a:bodyPr>
          <a:lstStyle/>
          <a:p>
            <a:r>
              <a:rPr lang="nb-NO" sz="3600"/>
              <a:t>Estimering av klimagassutslipp fra drift av produksjonsformer 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57968A3-E9FA-9B6C-B330-00E4E5BD7B36}"/>
              </a:ext>
            </a:extLst>
          </p:cNvPr>
          <p:cNvSpPr txBox="1"/>
          <p:nvPr/>
        </p:nvSpPr>
        <p:spPr>
          <a:xfrm>
            <a:off x="533573" y="3053062"/>
            <a:ext cx="212615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520 </a:t>
            </a:r>
          </a:p>
          <a:p>
            <a:pPr algn="ctr"/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kg CO</a:t>
            </a:r>
            <a:r>
              <a:rPr lang="nb-NO" baseline="-2500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2</a:t>
            </a:r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per tonn laks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FF0B26C-FDA4-78CD-0464-2474FC0FAD81}"/>
              </a:ext>
            </a:extLst>
          </p:cNvPr>
          <p:cNvSpPr txBox="1"/>
          <p:nvPr/>
        </p:nvSpPr>
        <p:spPr>
          <a:xfrm>
            <a:off x="3201533" y="2950614"/>
            <a:ext cx="252934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570 </a:t>
            </a:r>
          </a:p>
          <a:p>
            <a:pPr algn="ctr"/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kg CO</a:t>
            </a:r>
            <a:r>
              <a:rPr lang="nb-NO" baseline="-2500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2</a:t>
            </a:r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per tonn laks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1374A26-1626-7C7D-63A3-18D251AD0F4A}"/>
              </a:ext>
            </a:extLst>
          </p:cNvPr>
          <p:cNvSpPr txBox="1"/>
          <p:nvPr/>
        </p:nvSpPr>
        <p:spPr>
          <a:xfrm>
            <a:off x="6408460" y="3032768"/>
            <a:ext cx="212615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390 – 630</a:t>
            </a:r>
          </a:p>
          <a:p>
            <a:pPr algn="ctr"/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kg CO</a:t>
            </a:r>
            <a:r>
              <a:rPr lang="nb-NO" baseline="-2500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2</a:t>
            </a:r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per tonn laks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53F4096-1004-2705-7A96-BD207C5B1F13}"/>
              </a:ext>
            </a:extLst>
          </p:cNvPr>
          <p:cNvSpPr txBox="1"/>
          <p:nvPr/>
        </p:nvSpPr>
        <p:spPr>
          <a:xfrm>
            <a:off x="9532272" y="3002353"/>
            <a:ext cx="212615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660 – 920</a:t>
            </a:r>
          </a:p>
          <a:p>
            <a:pPr algn="ctr"/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kg CO</a:t>
            </a:r>
            <a:r>
              <a:rPr lang="nb-NO" baseline="-2500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2</a:t>
            </a:r>
            <a:r>
              <a:rPr lang="nb-NO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per tonn laks</a:t>
            </a: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21D112CF-C284-0085-2316-A3B23836026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82170" y="6196574"/>
            <a:ext cx="9115425" cy="428625"/>
          </a:xfrm>
          <a:prstGeom prst="rect">
            <a:avLst/>
          </a:prstGeom>
        </p:spPr>
      </p:pic>
      <p:sp>
        <p:nvSpPr>
          <p:cNvPr id="28" name="Rectangle 27">
            <a:extLst>
              <a:ext uri="{FF2B5EF4-FFF2-40B4-BE49-F238E27FC236}">
                <a16:creationId xmlns:a16="http://schemas.microsoft.com/office/drawing/2014/main" id="{B49E9848-53D2-AAA0-3831-66D80CDA74D6}"/>
              </a:ext>
            </a:extLst>
          </p:cNvPr>
          <p:cNvSpPr/>
          <p:nvPr/>
        </p:nvSpPr>
        <p:spPr>
          <a:xfrm>
            <a:off x="1538255" y="1364438"/>
            <a:ext cx="3996000" cy="694746"/>
          </a:xfrm>
          <a:prstGeom prst="rect">
            <a:avLst/>
          </a:prstGeom>
          <a:solidFill>
            <a:srgbClr val="E3954F"/>
          </a:solidFill>
          <a:ln w="1270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>
                <a:solidFill>
                  <a:schemeClr val="tx2"/>
                </a:solidFill>
              </a:rPr>
              <a:t>Fôr 45% 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67D61427-64BA-D650-24B7-3A136E2ED955}"/>
              </a:ext>
            </a:extLst>
          </p:cNvPr>
          <p:cNvSpPr/>
          <p:nvPr/>
        </p:nvSpPr>
        <p:spPr>
          <a:xfrm>
            <a:off x="5537229" y="1367908"/>
            <a:ext cx="1152000" cy="694746"/>
          </a:xfrm>
          <a:prstGeom prst="rect">
            <a:avLst/>
          </a:prstGeom>
          <a:solidFill>
            <a:srgbClr val="57DBC5"/>
          </a:solidFill>
          <a:ln w="1270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>
                <a:solidFill>
                  <a:schemeClr val="tx2"/>
                </a:solidFill>
              </a:rPr>
              <a:t>Grow-out 13% 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2E0EA83C-42EA-7F17-949F-0B2D5A23631B}"/>
              </a:ext>
            </a:extLst>
          </p:cNvPr>
          <p:cNvSpPr/>
          <p:nvPr/>
        </p:nvSpPr>
        <p:spPr>
          <a:xfrm>
            <a:off x="6700804" y="1369117"/>
            <a:ext cx="2520000" cy="694746"/>
          </a:xfrm>
          <a:prstGeom prst="rect">
            <a:avLst/>
          </a:prstGeom>
          <a:solidFill>
            <a:schemeClr val="accent3">
              <a:lumMod val="10000"/>
              <a:lumOff val="90000"/>
            </a:schemeClr>
          </a:solidFill>
          <a:ln w="1270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>
                <a:solidFill>
                  <a:schemeClr val="tx2"/>
                </a:solidFill>
              </a:rPr>
              <a:t>Transport 35% 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7B198F44-3230-F438-68D1-179D433CA926}"/>
              </a:ext>
            </a:extLst>
          </p:cNvPr>
          <p:cNvSpPr/>
          <p:nvPr/>
        </p:nvSpPr>
        <p:spPr>
          <a:xfrm>
            <a:off x="9209229" y="1365070"/>
            <a:ext cx="504000" cy="69474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sz="1000" b="1">
                <a:solidFill>
                  <a:schemeClr val="tx2"/>
                </a:solidFill>
              </a:rPr>
              <a:t>Annet 7% </a:t>
            </a:r>
          </a:p>
        </p:txBody>
      </p: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4E690DA7-CFCF-2AD9-622A-94263247323D}"/>
              </a:ext>
            </a:extLst>
          </p:cNvPr>
          <p:cNvCxnSpPr>
            <a:cxnSpLocks/>
          </p:cNvCxnSpPr>
          <p:nvPr/>
        </p:nvCxnSpPr>
        <p:spPr>
          <a:xfrm flipH="1">
            <a:off x="553792" y="2092912"/>
            <a:ext cx="4980463" cy="1107266"/>
          </a:xfrm>
          <a:prstGeom prst="line">
            <a:avLst/>
          </a:prstGeom>
          <a:ln w="19050">
            <a:solidFill>
              <a:schemeClr val="tx1"/>
            </a:solidFill>
            <a:prstDash val="dash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4A9ACEBC-6098-97CB-4CB2-9B4B381896F1}"/>
              </a:ext>
            </a:extLst>
          </p:cNvPr>
          <p:cNvCxnSpPr>
            <a:cxnSpLocks/>
          </p:cNvCxnSpPr>
          <p:nvPr/>
        </p:nvCxnSpPr>
        <p:spPr>
          <a:xfrm flipH="1" flipV="1">
            <a:off x="6700804" y="2059184"/>
            <a:ext cx="5172234" cy="1189550"/>
          </a:xfrm>
          <a:prstGeom prst="line">
            <a:avLst/>
          </a:prstGeom>
          <a:ln w="19050">
            <a:solidFill>
              <a:schemeClr val="tx1"/>
            </a:solidFill>
            <a:prstDash val="dash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Box 41">
            <a:extLst>
              <a:ext uri="{FF2B5EF4-FFF2-40B4-BE49-F238E27FC236}">
                <a16:creationId xmlns:a16="http://schemas.microsoft.com/office/drawing/2014/main" id="{07707F4F-C141-6491-4E56-1D76E0C28A78}"/>
              </a:ext>
            </a:extLst>
          </p:cNvPr>
          <p:cNvSpPr txBox="1"/>
          <p:nvPr/>
        </p:nvSpPr>
        <p:spPr>
          <a:xfrm>
            <a:off x="10218208" y="6248836"/>
            <a:ext cx="233325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>
                <a:solidFill>
                  <a:schemeClr val="tx1">
                    <a:lumMod val="65000"/>
                    <a:lumOff val="35000"/>
                  </a:schemeClr>
                </a:solidFill>
              </a:rPr>
              <a:t>(Norsk el-miks) 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DCF078BE-1912-748E-207E-FF434FBB4264}"/>
              </a:ext>
            </a:extLst>
          </p:cNvPr>
          <p:cNvSpPr txBox="1"/>
          <p:nvPr/>
        </p:nvSpPr>
        <p:spPr>
          <a:xfrm>
            <a:off x="8461891" y="6577346"/>
            <a:ext cx="428799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/>
              <a:t>Kilde: Iordan et al. 2024, SINTEF Ocean </a:t>
            </a:r>
          </a:p>
        </p:txBody>
      </p:sp>
      <p:graphicFrame>
        <p:nvGraphicFramePr>
          <p:cNvPr id="2" name="Chart 1">
            <a:extLst>
              <a:ext uri="{FF2B5EF4-FFF2-40B4-BE49-F238E27FC236}">
                <a16:creationId xmlns:a16="http://schemas.microsoft.com/office/drawing/2014/main" id="{1AC08464-846D-47E3-943F-3B2EF1C78C2A}"/>
              </a:ext>
            </a:extLst>
          </p:cNvPr>
          <p:cNvGraphicFramePr>
            <a:graphicFrameLocks/>
          </p:cNvGraphicFramePr>
          <p:nvPr/>
        </p:nvGraphicFramePr>
        <p:xfrm>
          <a:off x="-48239" y="3481772"/>
          <a:ext cx="4872036" cy="26481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22A2FD2B-23FD-2AD4-E055-A6BEEE70F0B6}"/>
              </a:ext>
            </a:extLst>
          </p:cNvPr>
          <p:cNvGraphicFramePr>
            <a:graphicFrameLocks/>
          </p:cNvGraphicFramePr>
          <p:nvPr/>
        </p:nvGraphicFramePr>
        <p:xfrm>
          <a:off x="2977851" y="3487659"/>
          <a:ext cx="4577517" cy="290150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id="{55B85FCD-3A00-4051-B20B-80D946D33A04}"/>
              </a:ext>
            </a:extLst>
          </p:cNvPr>
          <p:cNvGraphicFramePr>
            <a:graphicFrameLocks/>
          </p:cNvGraphicFramePr>
          <p:nvPr/>
        </p:nvGraphicFramePr>
        <p:xfrm>
          <a:off x="8331174" y="3301406"/>
          <a:ext cx="4729261" cy="330955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7"/>
          </a:graphicData>
        </a:graphic>
      </p:graphicFrame>
      <p:graphicFrame>
        <p:nvGraphicFramePr>
          <p:cNvPr id="15" name="Chart 14">
            <a:extLst>
              <a:ext uri="{FF2B5EF4-FFF2-40B4-BE49-F238E27FC236}">
                <a16:creationId xmlns:a16="http://schemas.microsoft.com/office/drawing/2014/main" id="{56CFE59D-2A34-4BFC-BD18-3E68FDFA5341}"/>
              </a:ext>
            </a:extLst>
          </p:cNvPr>
          <p:cNvGraphicFramePr>
            <a:graphicFrameLocks/>
          </p:cNvGraphicFramePr>
          <p:nvPr/>
        </p:nvGraphicFramePr>
        <p:xfrm>
          <a:off x="5481164" y="3243956"/>
          <a:ext cx="4030889" cy="353145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8"/>
          </a:graphicData>
        </a:graphic>
      </p:graphicFrame>
    </p:spTree>
    <p:extLst>
      <p:ext uri="{BB962C8B-B14F-4D97-AF65-F5344CB8AC3E}">
        <p14:creationId xmlns:p14="http://schemas.microsoft.com/office/powerpoint/2010/main" val="70519546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01027522-3B2F-0D70-3135-03CA3454EDEF}"/>
              </a:ext>
            </a:extLst>
          </p:cNvPr>
          <p:cNvGraphicFramePr>
            <a:graphicFrameLocks/>
          </p:cNvGraphicFramePr>
          <p:nvPr/>
        </p:nvGraphicFramePr>
        <p:xfrm>
          <a:off x="1092201" y="530762"/>
          <a:ext cx="5003800" cy="274583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id="{F3C7CD67-0341-32CB-F55C-C2CCC16E7DE5}"/>
              </a:ext>
            </a:extLst>
          </p:cNvPr>
          <p:cNvGraphicFramePr>
            <a:graphicFrameLocks/>
          </p:cNvGraphicFramePr>
          <p:nvPr/>
        </p:nvGraphicFramePr>
        <p:xfrm>
          <a:off x="7162800" y="530762"/>
          <a:ext cx="5372099" cy="262515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id="{1F05139D-730F-7F6B-B13A-652CB3D20F8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092411130"/>
              </p:ext>
            </p:extLst>
          </p:nvPr>
        </p:nvGraphicFramePr>
        <p:xfrm>
          <a:off x="1384301" y="2496607"/>
          <a:ext cx="10312400" cy="436139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72DF0601-98F4-EE33-1E38-569F14641441}"/>
              </a:ext>
            </a:extLst>
          </p:cNvPr>
          <p:cNvSpPr txBox="1"/>
          <p:nvPr/>
        </p:nvSpPr>
        <p:spPr>
          <a:xfrm>
            <a:off x="2770495" y="3212070"/>
            <a:ext cx="18560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b="1"/>
              <a:t>1,3 </a:t>
            </a:r>
            <a:r>
              <a:rPr lang="nb-NO" b="1" err="1"/>
              <a:t>Mtonn</a:t>
            </a:r>
            <a:r>
              <a:rPr lang="nb-NO" b="1"/>
              <a:t> laks 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C85881B-0CAD-CE5B-8FF5-35FF3B5769F3}"/>
              </a:ext>
            </a:extLst>
          </p:cNvPr>
          <p:cNvSpPr txBox="1"/>
          <p:nvPr/>
        </p:nvSpPr>
        <p:spPr>
          <a:xfrm>
            <a:off x="9064388" y="3212070"/>
            <a:ext cx="18560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b="1"/>
              <a:t>1,6 </a:t>
            </a:r>
            <a:r>
              <a:rPr lang="nb-NO" b="1" err="1"/>
              <a:t>Mtonn</a:t>
            </a:r>
            <a:r>
              <a:rPr lang="nb-NO" b="1"/>
              <a:t> laks </a:t>
            </a:r>
          </a:p>
        </p:txBody>
      </p:sp>
    </p:spTree>
    <p:extLst>
      <p:ext uri="{BB962C8B-B14F-4D97-AF65-F5344CB8AC3E}">
        <p14:creationId xmlns:p14="http://schemas.microsoft.com/office/powerpoint/2010/main" val="79563079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>
            <a:extLst>
              <a:ext uri="{FF2B5EF4-FFF2-40B4-BE49-F238E27FC236}">
                <a16:creationId xmlns:a16="http://schemas.microsoft.com/office/drawing/2014/main" id="{527B2E91-E8D6-B2EA-BAF9-A8237D12943E}"/>
              </a:ext>
            </a:extLst>
          </p:cNvPr>
          <p:cNvSpPr txBox="1"/>
          <p:nvPr/>
        </p:nvSpPr>
        <p:spPr>
          <a:xfrm>
            <a:off x="8389087" y="6576232"/>
            <a:ext cx="391278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nb-NO"/>
            </a:defPPr>
            <a:lvl1pPr>
              <a:defRPr sz="1600"/>
            </a:lvl1pPr>
          </a:lstStyle>
          <a:p>
            <a:r>
              <a:rPr lang="nb-NO"/>
              <a:t>Kilde: Strand et al. 2024, SINTEF Ocean </a:t>
            </a:r>
          </a:p>
        </p:txBody>
      </p:sp>
      <p:sp>
        <p:nvSpPr>
          <p:cNvPr id="13" name="Arrow: Left-Right 12">
            <a:extLst>
              <a:ext uri="{FF2B5EF4-FFF2-40B4-BE49-F238E27FC236}">
                <a16:creationId xmlns:a16="http://schemas.microsoft.com/office/drawing/2014/main" id="{B5C684B3-5AA7-D0F3-AEB5-FD4CC146FFAA}"/>
              </a:ext>
            </a:extLst>
          </p:cNvPr>
          <p:cNvSpPr/>
          <p:nvPr/>
        </p:nvSpPr>
        <p:spPr>
          <a:xfrm>
            <a:off x="9290304" y="1696616"/>
            <a:ext cx="2093976" cy="506492"/>
          </a:xfrm>
          <a:prstGeom prst="leftRightArrow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sz="1200" b="1">
                <a:solidFill>
                  <a:schemeClr val="tx2"/>
                </a:solidFill>
              </a:rPr>
              <a:t>Dobling av produksjonen 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8AD138F-D438-4D02-9C60-DB84DFCAA7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76307" y="266343"/>
            <a:ext cx="9407973" cy="534436"/>
          </a:xfrm>
        </p:spPr>
        <p:txBody>
          <a:bodyPr/>
          <a:lstStyle/>
          <a:p>
            <a:r>
              <a:rPr lang="nb-NO"/>
              <a:t>Scenarier mot 2050  </a:t>
            </a:r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D2A37033-6938-4C26-9935-816357CA11B0}"/>
              </a:ext>
            </a:extLst>
          </p:cNvPr>
          <p:cNvGraphicFramePr>
            <a:graphicFrameLocks/>
          </p:cNvGraphicFramePr>
          <p:nvPr/>
        </p:nvGraphicFramePr>
        <p:xfrm>
          <a:off x="-170812" y="1102439"/>
          <a:ext cx="12533623" cy="558158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20519787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29A0E7-41F4-3765-643D-B6C001C835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699028"/>
          </a:xfrm>
        </p:spPr>
        <p:txBody>
          <a:bodyPr/>
          <a:lstStyle/>
          <a:p>
            <a:r>
              <a:rPr lang="nb-NO"/>
              <a:t>Økt arealpress på land og elektrisitetsforbruk  </a:t>
            </a:r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55A49471-2076-8449-9A7C-17F2FB4EA8C8}"/>
              </a:ext>
            </a:extLst>
          </p:cNvPr>
          <p:cNvGraphicFramePr>
            <a:graphicFrameLocks/>
          </p:cNvGraphicFramePr>
          <p:nvPr/>
        </p:nvGraphicFramePr>
        <p:xfrm>
          <a:off x="418961" y="1431132"/>
          <a:ext cx="5760383" cy="50469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2569F46D-059F-4A2A-730D-2FD279500B73}"/>
              </a:ext>
            </a:extLst>
          </p:cNvPr>
          <p:cNvSpPr txBox="1"/>
          <p:nvPr/>
        </p:nvSpPr>
        <p:spPr>
          <a:xfrm>
            <a:off x="8420984" y="6519446"/>
            <a:ext cx="391278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nb-NO"/>
            </a:defPPr>
            <a:lvl1pPr>
              <a:defRPr sz="1600"/>
            </a:lvl1pPr>
          </a:lstStyle>
          <a:p>
            <a:r>
              <a:rPr lang="nb-NO"/>
              <a:t>Kilde: Strand et al. 2024, SINTEF Ocean </a:t>
            </a:r>
          </a:p>
        </p:txBody>
      </p:sp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246ECA43-C3B3-741F-89A9-2D21033B4ADD}"/>
              </a:ext>
            </a:extLst>
          </p:cNvPr>
          <p:cNvGraphicFramePr>
            <a:graphicFrameLocks/>
          </p:cNvGraphicFramePr>
          <p:nvPr/>
        </p:nvGraphicFramePr>
        <p:xfrm>
          <a:off x="6196056" y="1431132"/>
          <a:ext cx="5760383" cy="50469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40298682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5967E0-55C0-1F57-4249-ED6715CAA9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Verdiskaping og investeringer – stor effekt i øvrige verdikjede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29E3138-282F-F584-4369-8D6E53D79DE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9248" y="2092596"/>
            <a:ext cx="5894112" cy="391001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9F474A3C-68B9-D7DD-0C2C-E234D300C1E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630" y="2092597"/>
            <a:ext cx="5894116" cy="39100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39148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dreastr\AppData\Local\Temp\Templafy\PowerPointVsto\Assets\SINTEF_logo-JPG-blue-RGB.jp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8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2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3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CD4B1333-B23E-4CA5-A2CB-431C5232346F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 2013 - 2022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 2013 - 2022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 2013 - 2022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10.xml><?xml version="1.0" encoding="utf-8"?>
<a:themeOverride xmlns:a="http://schemas.openxmlformats.org/drawingml/2006/main">
  <a:clrScheme name="Office 2013 - 2022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11.xml><?xml version="1.0" encoding="utf-8"?>
<a:themeOverride xmlns:a="http://schemas.openxmlformats.org/drawingml/2006/main">
  <a:clrScheme name="Office 2013 - 2022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12.xml><?xml version="1.0" encoding="utf-8"?>
<a:themeOverride xmlns:a="http://schemas.openxmlformats.org/drawingml/2006/main">
  <a:clrScheme name="Office 2013 - 2022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5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6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7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8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9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525" row="6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4BEB3C02-4AD9-4AE5-B18A-657EBCE523C4}">
  <we:reference id="wa104380278" version="1.0.0.6" store="en-US" storeType="OMEX"/>
  <we:alternateReferences>
    <we:reference id="WA104380278" version="1.0.0.6" store="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Generic document" ma:contentTypeID="0x01010031B82B69D2361148B4D8F7EC156802130800E01B86970B536348A0816A02825DEA4B" ma:contentTypeVersion="49" ma:contentTypeDescription="Opprett et nytt dokument." ma:contentTypeScope="" ma:versionID="63b756ce6d358fdacba225f1200837f8">
  <xsd:schema xmlns:xsd="http://www.w3.org/2001/XMLSchema" xmlns:xs="http://www.w3.org/2001/XMLSchema" xmlns:p="http://schemas.microsoft.com/office/2006/metadata/properties" xmlns:ns2="8bbd4995-53b7-43e2-b62f-10947586ac31" xmlns:ns3="ea68a8c3-1131-4743-a9bb-8b73e61078de" xmlns:ns4="74b57cdf-2cf5-4122-8b4e-deee28142f9a" targetNamespace="http://schemas.microsoft.com/office/2006/metadata/properties" ma:root="true" ma:fieldsID="a435f59800b10b8f901931f642b23ca2" ns2:_="" ns3:_="" ns4:_="">
    <xsd:import namespace="8bbd4995-53b7-43e2-b62f-10947586ac31"/>
    <xsd:import namespace="ea68a8c3-1131-4743-a9bb-8b73e61078de"/>
    <xsd:import namespace="74b57cdf-2cf5-4122-8b4e-deee28142f9a"/>
    <xsd:element name="properties">
      <xsd:complexType>
        <xsd:sequence>
          <xsd:element name="documentManagement">
            <xsd:complexType>
              <xsd:all>
                <xsd:element ref="ns2:ArchiveStatus" minOccurs="0"/>
                <xsd:element ref="ns2:CorpWorkflowApproval" minOccurs="0"/>
                <xsd:element ref="ns2:CorpWorkflowFeedback" minOccurs="0"/>
                <xsd:element ref="ns2:CorpSiteProjectNumber" minOccurs="0"/>
                <xsd:element ref="ns2:CorpSiteProjectName" minOccurs="0"/>
                <xsd:element ref="ns2:CorpSiteSubTitle" minOccurs="0"/>
                <xsd:element ref="ns2:CorpSiteAccess" minOccurs="0"/>
                <xsd:element ref="ns2:CorpSiteClassification" minOccurs="0"/>
                <xsd:element ref="ns2:CorpSiteTags" minOccurs="0"/>
                <xsd:element ref="ns2:CorpSiteProjectQA" minOccurs="0"/>
                <xsd:element ref="ns2:CorpSiteProjectOwner" minOccurs="0"/>
                <xsd:element ref="ns2:CorpSiteProjectLeader" minOccurs="0"/>
                <xsd:element ref="ns2:CorpSiteReportNumber" minOccurs="0"/>
                <xsd:element ref="ns2:CorpSiteISBN" minOccurs="0"/>
                <xsd:element ref="ns2:CorpSiteCoAuthors" minOccurs="0"/>
                <xsd:element ref="ns2:CorpSiteRecipientCompany" minOccurs="0"/>
                <xsd:element ref="ns2:CorpSiteRecipientPerson" minOccurs="0"/>
                <xsd:element ref="ns2:CorpSiteOurRef" minOccurs="0"/>
                <xsd:element ref="ns2:CorpSiteDocumentAuthor" minOccurs="0"/>
                <xsd:element ref="ns2:CorpSiteZipAddress" minOccurs="0"/>
                <xsd:element ref="ns2:CorpSiteZipContact" minOccurs="0"/>
                <xsd:element ref="ns2:CorpSiteVATNumber" minOccurs="0"/>
                <xsd:element ref="ns2:CorpSiteInstituteEmail" minOccurs="0"/>
                <xsd:element ref="ns2:CorpDocPageClassificationNbNo" minOccurs="0"/>
                <xsd:element ref="ns2:CorpDocClassificationEnUs" minOccurs="0"/>
                <xsd:element ref="ns2:CorpDocPageClassificationEnUs" minOccurs="0"/>
                <xsd:element ref="ns2:CorpDocClassificationNbNo" minOccurs="0"/>
                <xsd:element ref="ns2:CorpSiteInstituteEnUs" minOccurs="0"/>
                <xsd:element ref="ns2:CorpSiteInstitutePhone" minOccurs="0"/>
                <xsd:element ref="ns2:CorpSiteDocLanguage" minOccurs="0"/>
                <xsd:element ref="ns2:CorpDocInstitute" minOccurs="0"/>
                <xsd:element ref="ns2:CorpDocVersion" minOccurs="0"/>
                <xsd:element ref="ns3:MediaServiceMetadata" minOccurs="0"/>
                <xsd:element ref="ns3:MediaServiceFastMetadata" minOccurs="0"/>
                <xsd:element ref="ns4:SharedWithUsers" minOccurs="0"/>
                <xsd:element ref="ns4:SharedWithDetails" minOccurs="0"/>
                <xsd:element ref="ns3:lcf76f155ced4ddcb4097134ff3c332f" minOccurs="0"/>
                <xsd:element ref="ns4:TaxCatchAll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ObjectDetectorVersions" minOccurs="0"/>
                <xsd:element ref="ns3:MediaServiceDateTaken" minOccurs="0"/>
                <xsd:element ref="ns3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bbd4995-53b7-43e2-b62f-10947586ac31" elementFormDefault="qualified">
    <xsd:import namespace="http://schemas.microsoft.com/office/2006/documentManagement/types"/>
    <xsd:import namespace="http://schemas.microsoft.com/office/infopath/2007/PartnerControls"/>
    <xsd:element name="ArchiveStatus" ma:index="8" nillable="true" ma:displayName="Arkivstatus" ma:internalName="ArchiveStatus">
      <xsd:simpleType>
        <xsd:restriction base="dms:Text">
          <xsd:maxLength value="255"/>
        </xsd:restriction>
      </xsd:simpleType>
    </xsd:element>
    <xsd:element name="CorpWorkflowApproval" ma:index="9" nillable="true" ma:displayName="Status godkjenning" ma:internalName="CorpWorkflowApproval">
      <xsd:simpleType>
        <xsd:restriction base="dms:Text">
          <xsd:maxLength value="255"/>
        </xsd:restriction>
      </xsd:simpleType>
    </xsd:element>
    <xsd:element name="CorpWorkflowFeedback" ma:index="10" nillable="true" ma:displayName="Status kvalitetssikring" ma:internalName="CorpWorkflowFeedback">
      <xsd:simpleType>
        <xsd:restriction base="dms:Text">
          <xsd:maxLength value="255"/>
        </xsd:restriction>
      </xsd:simpleType>
    </xsd:element>
    <xsd:element name="CorpSiteProjectNumber" ma:index="12" nillable="true" ma:displayName="Prosjektnummer" ma:default="" ma:internalName="CorpSiteProjectNumber">
      <xsd:simpleType>
        <xsd:restriction base="dms:Text">
          <xsd:maxLength value="255"/>
        </xsd:restriction>
      </xsd:simpleType>
    </xsd:element>
    <xsd:element name="CorpSiteProjectName" ma:index="13" nillable="true" ma:displayName="Prosjektnavn" ma:internalName="CorpSiteProjectName">
      <xsd:simpleType>
        <xsd:restriction base="dms:Text">
          <xsd:maxLength value="255"/>
        </xsd:restriction>
      </xsd:simpleType>
    </xsd:element>
    <xsd:element name="CorpSiteSubTitle" ma:index="14" nillable="true" ma:displayName="Undertittel" ma:internalName="CorpSiteSubTitle">
      <xsd:simpleType>
        <xsd:restriction base="dms:Text">
          <xsd:maxLength value="255"/>
        </xsd:restriction>
      </xsd:simpleType>
    </xsd:element>
    <xsd:element name="CorpSiteAccess" ma:index="15" nillable="true" ma:displayName="Lesetilgang" ma:default="Kun navngitte medlemmer" ma:format="Dropdown" ma:internalName="CorpSiteAccess">
      <xsd:simpleType>
        <xsd:restriction base="dms:Choice">
          <xsd:enumeration value="Kun navngitte medlemmer"/>
          <xsd:enumeration value="SINTEF"/>
          <xsd:enumeration value="Institutt"/>
          <xsd:enumeration value="Avdeling"/>
          <xsd:maxLength value="255"/>
        </xsd:restriction>
      </xsd:simpleType>
    </xsd:element>
    <xsd:element name="CorpSiteClassification" ma:index="16" nillable="true" ma:displayName="Gradering" ma:default="Åpen" ma:internalName="CorpSiteClassification">
      <xsd:simpleType>
        <xsd:restriction base="dms:Choice">
          <xsd:enumeration value="Åpen"/>
          <xsd:enumeration value="Fortrolig"/>
          <xsd:enumeration value="Strengt fortrolig"/>
          <xsd:maxLength value="255"/>
        </xsd:restriction>
      </xsd:simpleType>
    </xsd:element>
    <xsd:element name="CorpSiteTags" ma:index="17" nillable="true" ma:displayName="Tags" ma:internalName="CorpSiteTags">
      <xsd:simpleType>
        <xsd:restriction base="dms:Text">
          <xsd:maxLength value="255"/>
        </xsd:restriction>
      </xsd:simpleType>
    </xsd:element>
    <xsd:element name="CorpSiteProjectQA" ma:index="18" nillable="true" ma:displayName="Kvalitestsansvarlig" ma:list="UserInfo" ma:SharePointGroup="0" ma:internalName="CorpSiteProjectQA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Owner" ma:index="19" nillable="true" ma:displayName="Prosjekteier" ma:list="UserInfo" ma:SharePointGroup="0" ma:internalName="CorpSiteProjectOwn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Leader" ma:index="20" nillable="true" ma:displayName="Prosjektleder" ma:list="UserInfo" ma:SharePointGroup="0" ma:internalName="CorpSiteProjectLead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ReportNumber" ma:index="21" nillable="true" ma:displayName="Rapport nummer" ma:internalName="CorpSiteReportNumber">
      <xsd:simpleType>
        <xsd:restriction base="dms:Text">
          <xsd:maxLength value="255"/>
        </xsd:restriction>
      </xsd:simpleType>
    </xsd:element>
    <xsd:element name="CorpSiteISBN" ma:index="22" nillable="true" ma:displayName="ISBN" ma:internalName="CorpSiteISBN">
      <xsd:simpleType>
        <xsd:restriction base="dms:Text">
          <xsd:maxLength value="255"/>
        </xsd:restriction>
      </xsd:simpleType>
    </xsd:element>
    <xsd:element name="CorpSiteCoAuthors" ma:index="23" nillable="true" ma:displayName="Medforfattere" ma:internalName="CorpSiteCoAuthors">
      <xsd:simpleType>
        <xsd:restriction base="dms:Text">
          <xsd:maxLength value="255"/>
        </xsd:restriction>
      </xsd:simpleType>
    </xsd:element>
    <xsd:element name="CorpSiteRecipientCompany" ma:index="24" nillable="true" ma:displayName="Mottakende selskap" ma:internalName="CorpSiteRecipientCompany">
      <xsd:simpleType>
        <xsd:restriction base="dms:Text">
          <xsd:maxLength value="255"/>
        </xsd:restriction>
      </xsd:simpleType>
    </xsd:element>
    <xsd:element name="CorpSiteRecipientPerson" ma:index="25" nillable="true" ma:displayName="Mottakende person" ma:internalName="CorpSiteRecipientPerson">
      <xsd:simpleType>
        <xsd:restriction base="dms:Text">
          <xsd:maxLength value="255"/>
        </xsd:restriction>
      </xsd:simpleType>
    </xsd:element>
    <xsd:element name="CorpSiteOurRef" ma:index="26" nillable="true" ma:displayName="Vår ref" ma:internalName="CorpSiteOurRef">
      <xsd:simpleType>
        <xsd:restriction base="dms:Text">
          <xsd:maxLength value="255"/>
        </xsd:restriction>
      </xsd:simpleType>
    </xsd:element>
    <xsd:element name="CorpSiteDocumentAuthor" ma:index="27" nillable="true" ma:displayName="Hovedforfatter" ma:internalName="CorpSiteDocumentAuthor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ZipAddress" ma:index="28" nillable="true" ma:displayName="Adresse" ma:internalName="CorpSiteZipAddress">
      <xsd:simpleType>
        <xsd:restriction base="dms:Note">
          <xsd:maxLength value="255"/>
        </xsd:restriction>
      </xsd:simpleType>
    </xsd:element>
    <xsd:element name="CorpSiteZipContact" ma:index="29" nillable="true" ma:displayName="Kontakt" ma:internalName="CorpSiteZipContact">
      <xsd:simpleType>
        <xsd:restriction base="dms:Note">
          <xsd:maxLength value="255"/>
        </xsd:restriction>
      </xsd:simpleType>
    </xsd:element>
    <xsd:element name="CorpSiteVATNumber" ma:index="30" nillable="true" ma:displayName="Foretaksnummer" ma:internalName="CorpSiteVATNumber">
      <xsd:simpleType>
        <xsd:restriction base="dms:Text">
          <xsd:maxLength value="255"/>
        </xsd:restriction>
      </xsd:simpleType>
    </xsd:element>
    <xsd:element name="CorpSiteInstituteEmail" ma:index="31" nillable="true" ma:displayName="E-post institutt" ma:internalName="CorpSiteInstituteEmail">
      <xsd:simpleType>
        <xsd:restriction base="dms:Text">
          <xsd:maxLength value="255"/>
        </xsd:restriction>
      </xsd:simpleType>
    </xsd:element>
    <xsd:element name="CorpDocPageClassificationNbNo" ma:index="32" nillable="true" ma:displayName="Gradering Denne Siden" ma:default="Åpen" ma:internalName="CorpDocPage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DocClassificationEnUs" ma:index="33" nillable="true" ma:displayName="Classification" ma:default="Unrestricted" ma:internalName="CorpDoc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PageClassificationEnUs" ma:index="34" nillable="true" ma:displayName="Classification This Page" ma:default="Unrestricted" ma:internalName="CorpDocPage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ClassificationNbNo" ma:index="35" nillable="true" ma:displayName="Gradering" ma:default="Åpen" ma:internalName="CorpDoc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SiteInstituteEnUs" ma:index="36" nillable="true" ma:displayName="InstituteEng" ma:internalName="CorpSiteInstituteEnUs">
      <xsd:simpleType>
        <xsd:restriction base="dms:Text">
          <xsd:maxLength value="255"/>
        </xsd:restriction>
      </xsd:simpleType>
    </xsd:element>
    <xsd:element name="CorpSiteInstitutePhone" ma:index="37" nillable="true" ma:displayName="Institutt telefon" ma:internalName="CorpSiteInstitutePhone">
      <xsd:simpleType>
        <xsd:restriction base="dms:Text">
          <xsd:maxLength value="255"/>
        </xsd:restriction>
      </xsd:simpleType>
    </xsd:element>
    <xsd:element name="CorpSiteDocLanguage" ma:index="38" nillable="true" ma:displayName="Språk" ma:internalName="CorpSiteDocLanguage">
      <xsd:simpleType>
        <xsd:restriction base="dms:Text">
          <xsd:maxLength value="255"/>
        </xsd:restriction>
      </xsd:simpleType>
    </xsd:element>
    <xsd:element name="CorpDocInstitute" ma:index="39" nillable="true" ma:displayName="Institutt" ma:internalName="CorpDocInstitute">
      <xsd:simpleType>
        <xsd:restriction base="dms:Text">
          <xsd:maxLength value="255"/>
        </xsd:restriction>
      </xsd:simpleType>
    </xsd:element>
    <xsd:element name="CorpDocVersion" ma:index="40" nillable="true" ma:displayName="Versjon" ma:internalName="CorpDocVersion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a68a8c3-1131-4743-a9bb-8b73e61078d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4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42" nillable="true" ma:displayName="MediaServiceFastMetadata" ma:hidden="true" ma:internalName="MediaServiceFastMetadata" ma:readOnly="true">
      <xsd:simpleType>
        <xsd:restriction base="dms:Note"/>
      </xsd:simpleType>
    </xsd:element>
    <xsd:element name="lcf76f155ced4ddcb4097134ff3c332f" ma:index="46" nillable="true" ma:taxonomy="true" ma:internalName="lcf76f155ced4ddcb4097134ff3c332f" ma:taxonomyFieldName="MediaServiceImageTags" ma:displayName="Bildemerkelapper" ma:readOnly="false" ma:fieldId="{5cf76f15-5ced-4ddc-b409-7134ff3c332f}" ma:taxonomyMulti="true" ma:sspId="322a372c-f9c2-4fd8-9939-aea158435ba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4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4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5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bjectDetectorVersions" ma:index="5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5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SearchProperties" ma:index="53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4b57cdf-2cf5-4122-8b4e-deee28142f9a" elementFormDefault="qualified">
    <xsd:import namespace="http://schemas.microsoft.com/office/2006/documentManagement/types"/>
    <xsd:import namespace="http://schemas.microsoft.com/office/infopath/2007/PartnerControls"/>
    <xsd:element name="SharedWithUsers" ma:index="43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44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47" nillable="true" ma:displayName="Taxonomy Catch All Column" ma:hidden="true" ma:list="{541c69a3-02db-4802-b971-28dd336c06fc}" ma:internalName="TaxCatchAll" ma:showField="CatchAllData" ma:web="74b57cdf-2cf5-4122-8b4e-deee28142f9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TemplafyFormConfiguration><![CDATA[{"formFields":[],"formDataEntries":[]}]]></TemplafyFormConfiguration>
</file>

<file path=customXml/item3.xml><?xml version="1.0" encoding="utf-8"?>
<TemplafySlideTemplateConfiguration><![CDATA[{"slideVersion":2,"isValidatorEnabled":false,"isLocked":false,"elementsMetadata":[],"slideId":"638223241709546971","enableDocumentContentUpdater":false,"version":"2.0"}]]></TemplafySlideTemplateConfiguration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ea68a8c3-1131-4743-a9bb-8b73e61078de">
      <Terms xmlns="http://schemas.microsoft.com/office/infopath/2007/PartnerControls"/>
    </lcf76f155ced4ddcb4097134ff3c332f>
    <TaxCatchAll xmlns="74b57cdf-2cf5-4122-8b4e-deee28142f9a" xsi:nil="true"/>
    <CorpSiteZipContact xmlns="8bbd4995-53b7-43e2-b62f-10947586ac31" xsi:nil="true"/>
    <CorpSiteProjectLeader xmlns="8bbd4995-53b7-43e2-b62f-10947586ac31">
      <UserInfo>
        <DisplayName/>
        <AccountId xsi:nil="true"/>
        <AccountType/>
      </UserInfo>
    </CorpSiteProjectLeader>
    <CorpSiteSubTitle xmlns="8bbd4995-53b7-43e2-b62f-10947586ac31" xsi:nil="true"/>
    <CorpSiteTags xmlns="8bbd4995-53b7-43e2-b62f-10947586ac31" xsi:nil="true"/>
    <CorpSiteISBN xmlns="8bbd4995-53b7-43e2-b62f-10947586ac31" xsi:nil="true"/>
    <CorpWorkflowFeedback xmlns="8bbd4995-53b7-43e2-b62f-10947586ac31" xsi:nil="true"/>
    <CorpSiteAccess xmlns="8bbd4995-53b7-43e2-b62f-10947586ac31">Kun navngitte medlemmer</CorpSiteAccess>
    <CorpSiteRecipientPerson xmlns="8bbd4995-53b7-43e2-b62f-10947586ac31" xsi:nil="true"/>
    <CorpSiteProjectNumber xmlns="8bbd4995-53b7-43e2-b62f-10947586ac31" xsi:nil="true"/>
    <CorpSiteProjectName xmlns="8bbd4995-53b7-43e2-b62f-10947586ac31" xsi:nil="true"/>
    <CorpDocInstitute xmlns="8bbd4995-53b7-43e2-b62f-10947586ac31" xsi:nil="true"/>
    <CorpSiteInstitutePhone xmlns="8bbd4995-53b7-43e2-b62f-10947586ac31" xsi:nil="true"/>
    <CorpSiteProjectOwner xmlns="8bbd4995-53b7-43e2-b62f-10947586ac31">
      <UserInfo>
        <DisplayName/>
        <AccountId xsi:nil="true"/>
        <AccountType/>
      </UserInfo>
    </CorpSiteProjectOwner>
    <CorpDocPageClassificationNbNo xmlns="8bbd4995-53b7-43e2-b62f-10947586ac31">Åpen</CorpDocPageClassificationNbNo>
    <CorpDocClassificationEnUs xmlns="8bbd4995-53b7-43e2-b62f-10947586ac31">Unrestricted</CorpDocClassificationEnUs>
    <CorpDocClassificationNbNo xmlns="8bbd4995-53b7-43e2-b62f-10947586ac31">Åpen</CorpDocClassificationNbNo>
    <CorpSiteClassification xmlns="8bbd4995-53b7-43e2-b62f-10947586ac31">Åpen</CorpSiteClassification>
    <CorpSiteInstituteEmail xmlns="8bbd4995-53b7-43e2-b62f-10947586ac31" xsi:nil="true"/>
    <CorpSiteCoAuthors xmlns="8bbd4995-53b7-43e2-b62f-10947586ac31" xsi:nil="true"/>
    <CorpSiteDocumentAuthor xmlns="8bbd4995-53b7-43e2-b62f-10947586ac31">
      <UserInfo>
        <DisplayName/>
        <AccountId xsi:nil="true"/>
        <AccountType/>
      </UserInfo>
    </CorpSiteDocumentAuthor>
    <CorpSiteInstituteEnUs xmlns="8bbd4995-53b7-43e2-b62f-10947586ac31" xsi:nil="true"/>
    <CorpSiteRecipientCompany xmlns="8bbd4995-53b7-43e2-b62f-10947586ac31" xsi:nil="true"/>
    <CorpSiteDocLanguage xmlns="8bbd4995-53b7-43e2-b62f-10947586ac31" xsi:nil="true"/>
    <CorpDocVersion xmlns="8bbd4995-53b7-43e2-b62f-10947586ac31" xsi:nil="true"/>
    <CorpWorkflowApproval xmlns="8bbd4995-53b7-43e2-b62f-10947586ac31" xsi:nil="true"/>
    <ArchiveStatus xmlns="8bbd4995-53b7-43e2-b62f-10947586ac31" xsi:nil="true"/>
    <CorpSiteProjectQA xmlns="8bbd4995-53b7-43e2-b62f-10947586ac31">
      <UserInfo>
        <DisplayName/>
        <AccountId xsi:nil="true"/>
        <AccountType/>
      </UserInfo>
    </CorpSiteProjectQA>
    <CorpSiteZipAddress xmlns="8bbd4995-53b7-43e2-b62f-10947586ac31" xsi:nil="true"/>
    <CorpSiteVATNumber xmlns="8bbd4995-53b7-43e2-b62f-10947586ac31" xsi:nil="true"/>
    <CorpSiteReportNumber xmlns="8bbd4995-53b7-43e2-b62f-10947586ac31" xsi:nil="true"/>
    <CorpSiteOurRef xmlns="8bbd4995-53b7-43e2-b62f-10947586ac31" xsi:nil="true"/>
    <CorpDocPageClassificationEnUs xmlns="8bbd4995-53b7-43e2-b62f-10947586ac31">Unrestricted</CorpDocPageClassificationEnUs>
  </documentManagement>
</p:properties>
</file>

<file path=customXml/item5.xml><?xml version="1.0" encoding="utf-8"?>
<TemplafyTemplateConfiguration><![CDATA[{"elementsMetadata":[],"transformationConfigurations":[],"templateName":"SINTEF ppt.-mal - NO","templateDescription":"Standard ppt-mal for SINTEF","enableDocumentContentUpdater":false,"version":"2.0"}]]></TemplafyTemplateConfiguration>
</file>

<file path=customXml/item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7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7AA94F60-02EF-4A38-9626-FE67EBD107A1}">
  <ds:schemaRefs>
    <ds:schemaRef ds:uri="74b57cdf-2cf5-4122-8b4e-deee28142f9a"/>
    <ds:schemaRef ds:uri="8bbd4995-53b7-43e2-b62f-10947586ac31"/>
    <ds:schemaRef ds:uri="ea68a8c3-1131-4743-a9bb-8b73e61078de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F93A1B71-5DC4-4710-B00E-6E92F3789DBC}">
  <ds:schemaRefs/>
</ds:datastoreItem>
</file>

<file path=customXml/itemProps3.xml><?xml version="1.0" encoding="utf-8"?>
<ds:datastoreItem xmlns:ds="http://schemas.openxmlformats.org/officeDocument/2006/customXml" ds:itemID="{1A4DCFE7-50F6-49E4-9584-FB986B36ADB4}">
  <ds:schemaRefs/>
</ds:datastoreItem>
</file>

<file path=customXml/itemProps4.xml><?xml version="1.0" encoding="utf-8"?>
<ds:datastoreItem xmlns:ds="http://schemas.openxmlformats.org/officeDocument/2006/customXml" ds:itemID="{0645A9D7-53BF-4F8A-B6A3-75E888763AAB}">
  <ds:schemaRefs>
    <ds:schemaRef ds:uri="74b57cdf-2cf5-4122-8b4e-deee28142f9a"/>
    <ds:schemaRef ds:uri="8bbd4995-53b7-43e2-b62f-10947586ac31"/>
    <ds:schemaRef ds:uri="ea68a8c3-1131-4743-a9bb-8b73e61078de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5.xml><?xml version="1.0" encoding="utf-8"?>
<ds:datastoreItem xmlns:ds="http://schemas.openxmlformats.org/officeDocument/2006/customXml" ds:itemID="{ED157753-ACFF-4675-9E4E-9936A4DA2CD6}">
  <ds:schemaRefs/>
</ds:datastoreItem>
</file>

<file path=customXml/itemProps6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7.xml><?xml version="1.0" encoding="utf-8"?>
<ds:datastoreItem xmlns:ds="http://schemas.openxmlformats.org/officeDocument/2006/customXml" ds:itemID="{7D542397-1271-422A-8BB1-2333A0B385C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intef mal</Template>
  <Application>Microsoft Office PowerPoint</Application>
  <PresentationFormat>Widescreen</PresentationFormat>
  <Slides>16</Slides>
  <Notes>14</Notes>
  <HiddenSlides>1</HiddenSlides>
  <ScaleCrop>false</ScaleCrop>
  <HeadingPairs>
    <vt:vector size="4" baseType="variant">
      <vt:variant>
        <vt:lpstr>Theme</vt:lpstr>
      </vt:variant>
      <vt:variant>
        <vt:i4>3</vt:i4>
      </vt:variant>
      <vt:variant>
        <vt:lpstr>Slide Titles</vt:lpstr>
      </vt:variant>
      <vt:variant>
        <vt:i4>16</vt:i4>
      </vt:variant>
    </vt:vector>
  </HeadingPairs>
  <TitlesOfParts>
    <vt:vector size="19" baseType="lpstr">
      <vt:lpstr>Uten bunnlinje</vt:lpstr>
      <vt:lpstr>Uten bunnline (Blå)</vt:lpstr>
      <vt:lpstr>Kapitteldeler</vt:lpstr>
      <vt:lpstr>Lakseoppdrett i 2050:  Hvor bærekraftig blir framtidens produksjonsformer og teknologi?</vt:lpstr>
      <vt:lpstr>Hovedaktiviteter i prosjektet Pålaks (2023-2024)</vt:lpstr>
      <vt:lpstr>Vurdering av bærekraft i scenarier</vt:lpstr>
      <vt:lpstr>Klimagassutslipp fra hele næringen og fordelt på verdikjeden </vt:lpstr>
      <vt:lpstr>Estimering av klimagassutslipp fra drift av produksjonsformer </vt:lpstr>
      <vt:lpstr>PowerPoint Presentation</vt:lpstr>
      <vt:lpstr>Scenarier mot 2050  </vt:lpstr>
      <vt:lpstr>Økt arealpress på land og elektrisitetsforbruk  </vt:lpstr>
      <vt:lpstr>Verdiskaping og investeringer – stor effekt i øvrige verdikjeden</vt:lpstr>
      <vt:lpstr>Endringer i total norsk årlig aktivitet (2050)</vt:lpstr>
      <vt:lpstr>Endringer i total norsk årlig aktivitet (2050)</vt:lpstr>
      <vt:lpstr>Endringer i total norsk årlig aktivitet (2050)</vt:lpstr>
      <vt:lpstr>Sosial bærekraft </vt:lpstr>
      <vt:lpstr>Oppsummering </vt:lpstr>
      <vt:lpstr>PowerPoint Presentation</vt:lpstr>
      <vt:lpstr>Utfordringer og behov videre forsk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Shraddha Mehta</dc:creator>
  <cp:revision>1</cp:revision>
  <dcterms:created xsi:type="dcterms:W3CDTF">2024-08-16T10:19:48Z</dcterms:created>
  <dcterms:modified xsi:type="dcterms:W3CDTF">2024-12-09T07:55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TemplafyTimeStamp">
    <vt:lpwstr>2024-08-06T09:03:45</vt:lpwstr>
  </property>
  <property fmtid="{D5CDD505-2E9C-101B-9397-08002B2CF9AE}" pid="4" name="TemplafyTenantId">
    <vt:lpwstr>sintef</vt:lpwstr>
  </property>
  <property fmtid="{D5CDD505-2E9C-101B-9397-08002B2CF9AE}" pid="5" name="TemplafyTemplateId">
    <vt:lpwstr>637469247407135749</vt:lpwstr>
  </property>
  <property fmtid="{D5CDD505-2E9C-101B-9397-08002B2CF9AE}" pid="6" name="TemplafyUserProfileId">
    <vt:lpwstr>638222358757847007</vt:lpwstr>
  </property>
  <property fmtid="{D5CDD505-2E9C-101B-9397-08002B2CF9AE}" pid="7" name="TemplafyLanguageCode">
    <vt:lpwstr>nb-NO</vt:lpwstr>
  </property>
  <property fmtid="{D5CDD505-2E9C-101B-9397-08002B2CF9AE}" pid="8" name="TemplafyFromBlank">
    <vt:bool>false</vt:bool>
  </property>
  <property fmtid="{D5CDD505-2E9C-101B-9397-08002B2CF9AE}" pid="9" name="ContentTypeId">
    <vt:lpwstr>0x01010031B82B69D2361148B4D8F7EC156802130800E01B86970B536348A0816A02825DEA4B</vt:lpwstr>
  </property>
  <property fmtid="{D5CDD505-2E9C-101B-9397-08002B2CF9AE}" pid="10" name="_AdHocReviewCycleID">
    <vt:i4>-495761097</vt:i4>
  </property>
  <property fmtid="{D5CDD505-2E9C-101B-9397-08002B2CF9AE}" pid="11" name="_NewReviewCycle">
    <vt:lpwstr/>
  </property>
  <property fmtid="{D5CDD505-2E9C-101B-9397-08002B2CF9AE}" pid="12" name="_EmailSubject">
    <vt:lpwstr>Prosjektside for PåLaks, oppdatering </vt:lpwstr>
  </property>
  <property fmtid="{D5CDD505-2E9C-101B-9397-08002B2CF9AE}" pid="13" name="_AuthorEmail">
    <vt:lpwstr>Shraddha.Mehta@sintef.no</vt:lpwstr>
  </property>
  <property fmtid="{D5CDD505-2E9C-101B-9397-08002B2CF9AE}" pid="14" name="_AuthorEmailDisplayName">
    <vt:lpwstr>Shraddha Mehta</vt:lpwstr>
  </property>
</Properties>
</file>